
<file path=[Content_Types].xml><?xml version="1.0" encoding="utf-8"?>
<Types xmlns="http://schemas.openxmlformats.org/package/2006/content-types">
  <Override PartName="/word/footnotes.xml" ContentType="application/vnd.openxmlformats-officedocument.wordprocessingml.footnot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7" w:tgtFrame="_blank" w:history="1">
        <w:r w:rsidRPr="00B2739F">
          <w:rPr>
            <w:rFonts w:ascii="微软雅黑" w:eastAsia="微软雅黑" w:hAnsi="微软雅黑" w:cs="宋体" w:hint="eastAsia"/>
            <w:b/>
            <w:bCs/>
            <w:color w:val="0000FF"/>
            <w:kern w:val="0"/>
            <w:sz w:val="36"/>
            <w:szCs w:val="36"/>
            <w:u w:val="single"/>
          </w:rPr>
          <w:t>习近平在四川考察时强调 深入贯彻新发展理念主动融入新发展格局 在新的征程上奋力谱写四川发展新篇章</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党中央高度重视高校毕业生就业，采取了一系列政策措施。当前正是高校毕业生就业的关键阶段，要进一步挖掘岗位资源，做实做细就业指导服务，学校、企业和有关部门要抓好学生就业签约落实工作，尤其要把脱贫家庭、低保家庭、零就业家庭以及有残疾的、较长时间未就业的高校毕业生作为重点帮扶对象。习近平对同学们说，幸福生活是靠劳动创造的，大家要保持平实之心，客观看待个人条件和社会需求，从实际出发选择职业和工作岗位，热爱劳动，脚踏实地，在实践中一步步成长起来。他勉励同学们自觉践行社会主义核心价值观，努力做到德智体美劳全面发展。</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8" w:tgtFrame="_blank" w:history="1">
        <w:r w:rsidRPr="00B2739F">
          <w:rPr>
            <w:rFonts w:ascii="微软雅黑" w:eastAsia="微软雅黑" w:hAnsi="微软雅黑" w:cs="宋体" w:hint="eastAsia"/>
            <w:b/>
            <w:bCs/>
            <w:color w:val="0000FF"/>
            <w:kern w:val="0"/>
            <w:sz w:val="36"/>
            <w:szCs w:val="36"/>
            <w:u w:val="single"/>
          </w:rPr>
          <w:t>习近平回信勉励南京大学留学归国青年学者 在坚持立德树人推动科技自立自强上再创佳绩 在坚定文化自信讲好中国故事上争做表率</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得知你们以李四光、程开甲等老一辈科学家为榜样，在海外学成后回国投身科教事业，在各自岗位上努力报效祖国、服务人民，取得丰硕成果，我感到很欣慰。值此南京大学建校120周年之际，谨向你们并向全校师生员工、广大校友致以热烈的祝贺和诚挚的问候！</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你们在信中表示，生逢伟大时代是人生之幸，留学归国青年要心系“国家事”、肩扛“国家责”，这些话讲得很好。希望同志们大力弘扬留学报国的光荣传统，以报效国家、服务人民为自觉追求，在坚持立德树人、推动科技自立自强上再创佳绩，在坚定文化自信、讲好中国故事上争做表率，为全面建设社会主义现代化国家、实现中华民族伟大复兴的中国梦积极贡献智慧和力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9" w:tgtFrame="_blank" w:history="1">
        <w:r w:rsidRPr="00B2739F">
          <w:rPr>
            <w:rFonts w:ascii="微软雅黑" w:eastAsia="微软雅黑" w:hAnsi="微软雅黑" w:cs="宋体" w:hint="eastAsia"/>
            <w:b/>
            <w:bCs/>
            <w:color w:val="0000FF"/>
            <w:kern w:val="0"/>
            <w:sz w:val="36"/>
            <w:szCs w:val="36"/>
            <w:u w:val="single"/>
          </w:rPr>
          <w:t>习近平在中国人民大学考察时强调 坚持党的领导传承红色基因扎根中国大地 走出一条建设中国特色世界一流大学新路</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为谁培养人、培养什么人、怎样培养人”始终是教育的根本问题。要坚持党的领导，坚持马克思主义指导地位，坚持为党和人民事业服务，落实立德树人根本任务，传承红色基因，扎根中国大地办大学，走出一条建设中国特色、世界一流大学的新路。广大青年要做社会主义核心价值观的坚定信仰者、积极传播者、模范践行者，向英雄学习、向前辈学习、向榜样学习，争做堪当民族复兴重任的时代新人，在实现中华民族伟大复兴的时代洪流中踔厉奋发、勇毅前进。</w:t>
      </w:r>
    </w:p>
    <w:p w:rsidR="00B2739F" w:rsidRPr="00B2739F" w:rsidRDefault="00B2739F" w:rsidP="00B65A79">
      <w:pPr>
        <w:widowControl/>
        <w:spacing w:before="100" w:beforeAutospacing="1" w:after="100" w:afterAutospacing="1"/>
        <w:ind w:firstLineChars="200" w:firstLine="540"/>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思想政治理论课能否在立德树人中发挥应有作用，关键看重视不重视、适应不适应、做得好不好。思政课的本质是讲道理，要注重方式方法，把道理讲深、讲透、讲活，老师要用心教，学生要用心悟，达到沟通心灵、启智润心、激扬斗志。青少年思想政治教育是一个接续的过程，要针对青少年成长的不同阶段，有针对性地开展思想政治教育。希望人</w:t>
      </w:r>
      <w:r w:rsidRPr="00B2739F">
        <w:rPr>
          <w:rFonts w:ascii="微软雅黑" w:eastAsia="微软雅黑" w:hAnsi="微软雅黑" w:cs="宋体" w:hint="eastAsia"/>
          <w:color w:val="000000"/>
          <w:kern w:val="0"/>
          <w:sz w:val="27"/>
          <w:szCs w:val="27"/>
        </w:rPr>
        <w:lastRenderedPageBreak/>
        <w:t>民大学绵绵用力，久久为功，止于至善，为全国大中小学思政课教学提供更多“金课”。也鼓励各地高校积极开展与中小学思政课共建，共同推动大中小学思政课一体化建设。习近平勉励同学们坚定中国特色社会主义道路自信、理论自信、制度自信、文化自信，在全面建设社会主义现代化国家新征程中勇当开路先锋、争当事业闯将。</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中国人民大学在抗日烽火中诞生，在党的关怀下发展壮大，具有光荣的革命传统和鲜明的红色基因。一定要把这一光荣传统和红色基因传承好，守好党的这块重要阵地。要加强校史资料的挖掘、整理和研究，讲好中国共产党的故事，讲好党创办人民大学的故事，激励广大师生继承优良传统，赓续红色血脉。</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中国人民大学历来是人才荟萃、名家云集的地方。老教授、老专家们为党的教育事业付出了巨大心血，作出了重要贡献。希望中青年教师向老教授老专家学习，立志成为大先生，在教书育人和科研创新上不断创造新业绩。习近平强调，建设世界一流的中国特色社会主义大学，培养社会主义建设者和接班人，必须有世界一流的大师。要高度重视教师队伍建设，特别是要加强中青年教师骨干的培养，把人民大学打造成为我国人文社会科学研究和教学领域的重要人才中心和创新高地。</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人民大学馆藏红色文献，鉴证了我们党创办正规高等教育的艰辛历程，是十分宝贵的红色记忆，要精心保护好，逐步推进数字化，让更多的人受到教育、得到启迪。要运用现代科技手段加强古籍典藏的保护修复和综合利用，深入挖掘古籍蕴含的哲学思想、人文精神、价值理念、</w:t>
      </w:r>
      <w:r w:rsidRPr="00B2739F">
        <w:rPr>
          <w:rFonts w:ascii="微软雅黑" w:eastAsia="微软雅黑" w:hAnsi="微软雅黑" w:cs="宋体" w:hint="eastAsia"/>
          <w:color w:val="000000"/>
          <w:kern w:val="0"/>
          <w:sz w:val="27"/>
          <w:szCs w:val="27"/>
        </w:rPr>
        <w:lastRenderedPageBreak/>
        <w:t>道德规范，推动中华优秀传统文化创造性转化、创新性发展。要加强学术资源库建设，更好发挥学术文献信息传播、搜集、整合、编辑、拓展、共享功能，打造中国特色、世界一流的学术资源信息平台，提升国家文化软实力。</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我国有独特的历史、独特的文化、独特的国情，建设中国特色、世界一流大学不能跟在别人后面依样画葫芦，简单以国外大学作为标准和模式，而是要扎根中国大地，走出一条建设中国特色、世界一流大学的新路。中国人民大学从陕北公学成立之初就鲜明提出要培养“革命的先锋队”，到新中国成立之初提出培养“万千建国干部”，到改革开放新时期提出培养“国民表率、社会栋梁”，再到新时代提出培养“复兴栋梁、强国先锋”，始终不变的是“为党育人、为国育才”，展现了“党办的大学让党放心、人民的大学不负人民”的精神品格。希望中国人民大学落实立德树人根本任务，传承红色基因，让听党话、跟党走的信念成为人大师生的自觉追求。</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高校是我国哲学社会科学“五路大军”中的重要力量。当前，坚持和发展中国特色社会主义理论和实践提出了大量亟待解决的新问题，世界百年未有之大变局加速演进，世界进入新的动荡变革期，迫切需要回答好“世界怎么了”、“人类向何处去”的时代之题。要坚持把马克思主义基本原理同中国具体实际相结合、同中华优秀传统文化相结合，立足中华民族伟大复兴战略全局和世界百年未有之大变局，不断推进马克思主义中国化时代化。加快构建中国特色哲学社会科学，归根结底是建</w:t>
      </w:r>
      <w:r w:rsidRPr="00B2739F">
        <w:rPr>
          <w:rFonts w:ascii="微软雅黑" w:eastAsia="微软雅黑" w:hAnsi="微软雅黑" w:cs="宋体" w:hint="eastAsia"/>
          <w:color w:val="000000"/>
          <w:kern w:val="0"/>
          <w:sz w:val="27"/>
          <w:szCs w:val="27"/>
        </w:rPr>
        <w:lastRenderedPageBreak/>
        <w:t>构中国自主的知识体系。要以中国为观照、以时代为观照，立足中国实际，解决中国问题，不断推动中华优秀传统文化创造性转化、创新性发展，不断推进知识创新、理论创新、方法创新，使中国特色哲学社会科学真正屹立于世界学术之林。哲学社会科学工作者要做到方向明、主义真、学问高、德行正，自觉以回答中国之问、世界之问、人民之问、时代之问为学术己任，以彰显中国之路、中国之治、中国之理为思想追求，在研究解决事关党和国家全局性、根本性、关键性的重大问题上拿出真本事、取得好成果。要发挥哲学社会科学在融通中外文化、增进文明交流中的独特作用，传播中国声音、中国理论、中国思想，让世界更好读懂中国，为推动构建人类命运共同体作出积极贡献。</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好的学校特色各不相同，但有一个共同特点，都有一支优秀教师队伍。对教师来说，想把学生培养成什么样的人，自己首先就应该成为什么样的人。培养社会主义建设者和接班人，迫切需要我们的教师既精通专业知识、做好“经师”，又涵养德行、成为“人师”，努力做精于“传道授业解惑”的“经师”和“人师”的统一者。教育是一门“仁而爱人”的事业，有爱才有责任。广大教师要严爱相济、润己泽人，以人格魅力呵护学生心灵，以学术造诣开启学生智慧，把自己的温暖和情感倾注到每一个学生身上，让每一个学生都健康成长，让每一个孩子都有人生出彩的机会。老师应该有言为士则、行为世范的自觉，不断提高自身道德修养，以模范行为影响和带动学生，做学生为学、为事、为人的大先生，成为被社会尊重的楷模，成为世人效法的榜样。</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立足新时代新征程，中国青年的奋斗目标和前行方向归结到一点，就是坚定不移听党话、跟党走，努力成长为堪当民族复兴重任的时代新人。希望广大青年用脚步丈量祖国大地，用眼睛发现中国精神，用耳朵倾听人民呼声，用内心感应时代脉搏，把对祖国血浓于水、与人民同呼吸共命运的情感贯穿学业全过程、融汇在事业追求中。</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0" w:tgtFrame="_blank" w:history="1">
        <w:r w:rsidRPr="00B2739F">
          <w:rPr>
            <w:rFonts w:ascii="微软雅黑" w:eastAsia="微软雅黑" w:hAnsi="微软雅黑" w:cs="宋体" w:hint="eastAsia"/>
            <w:b/>
            <w:bCs/>
            <w:color w:val="0000FF"/>
            <w:kern w:val="0"/>
            <w:sz w:val="36"/>
            <w:szCs w:val="36"/>
            <w:u w:val="single"/>
          </w:rPr>
          <w:t>习近平给北京科技大学的老教授回信强调 发扬严谨治学甘为人梯精神 培养更多具有为国奉献钢筋铁骨的高素质人才</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北京科技大学自成立以来，为我国钢铁工业发展作出了积极贡献，值此建校70周年之际，谨向你们并向全校师生员工、广大校友表示热烈的祝贺和诚挚的问候！</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民族复兴迫切需要培养造就一大批德才兼备的人才。希望你们继续发扬严谨治学、甘为人梯的精神，坚持特色、争创一流，培养更多听党话、跟党走、有理想、有本领、具有为国奉献钢筋铁骨的高素质人才，促进钢铁产业创新发展、绿色低碳发展，为铸就科技强国、制造强国的钢铁脊梁作出新的更大的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1" w:tgtFrame="_blank" w:history="1">
        <w:r w:rsidRPr="00B2739F">
          <w:rPr>
            <w:rFonts w:ascii="微软雅黑" w:eastAsia="微软雅黑" w:hAnsi="微软雅黑" w:cs="宋体" w:hint="eastAsia"/>
            <w:b/>
            <w:bCs/>
            <w:color w:val="0000FF"/>
            <w:kern w:val="0"/>
            <w:sz w:val="36"/>
            <w:szCs w:val="36"/>
            <w:u w:val="single"/>
          </w:rPr>
          <w:t>习近平参加首都义务植树活动</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德智体美劳全面发展，不能忽视“劳”的作用，要从小培养劳动意识、环保意识、节约意识，勿以善小而不为，从一点一滴做起，努力成长为党和人民需要的有用之才。</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2" w:tgtFrame="_blank" w:history="1">
        <w:r w:rsidRPr="00B2739F">
          <w:rPr>
            <w:rFonts w:ascii="微软雅黑" w:eastAsia="微软雅黑" w:hAnsi="微软雅黑" w:cs="宋体" w:hint="eastAsia"/>
            <w:b/>
            <w:bCs/>
            <w:color w:val="0000FF"/>
            <w:kern w:val="0"/>
            <w:sz w:val="36"/>
            <w:szCs w:val="36"/>
            <w:u w:val="single"/>
          </w:rPr>
          <w:t>习近平主持召开中央全面深化改革委员会第二十四次会议强调 加快建设世界一流企业 加强基础学科人才培养</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全方位谋划基础学科人才培养，科学确定人才培养规模，优化结构布局，在选拔、培养、评价、使用、保障等方面进行体系化、链条式设计，大力培养造就一大批国家创新发展急需的基础研究人才。</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我国拥有世界上规模最大的高等教育体系，有各项事业发展的广阔舞台，完全能够源源不断培养造就大批优秀人才，完全能够培养出大师。要走好基础学科人才自主培养之路，坚持面向世界科技前沿、面向经济主战场、面向国家重大需求、面向人民生命健康，全面贯彻党的教育方针，落实立德树人根本任务，遵循教育规律，加快建设高质量基础学科人才培养体系。要坚持正确政治方向，把理想信念教育贯穿人才培养全过程，引导人才深怀爱党爱国之心、砥砺报国之志，继承和发扬老一辈科学家胸怀祖国、服务人民的优秀品质。要优化人才发展制度环境，打好基础、储备长远，发挥高校特别是“双一流”大学培养基础研究人才主力军作用，既要培养好人才，更要用好人才。</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3" w:tgtFrame="_blank" w:history="1">
        <w:r w:rsidRPr="00B2739F">
          <w:rPr>
            <w:rFonts w:ascii="微软雅黑" w:eastAsia="微软雅黑" w:hAnsi="微软雅黑" w:cs="宋体" w:hint="eastAsia"/>
            <w:b/>
            <w:bCs/>
            <w:color w:val="0000FF"/>
            <w:kern w:val="0"/>
            <w:sz w:val="36"/>
            <w:szCs w:val="36"/>
            <w:u w:val="single"/>
          </w:rPr>
          <w:t>习近平主持召开中央全面深化改革委员会第二十三次会议强调 加快建设全国统一大市场提高政府监管效能 深入推进世界一流大学和一流学科建设</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要突出培养一流人才、服务国家战略需求、争创世界一流的导向，深化体制机制改革，统筹推进、分类建设一流大学和一流学科。</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办好世界一流大学和一流学科，必须扎根中国大地，办出中国特色。要坚持社会主义办学方向，坚持中国特色社会主义教育发展道路，贯彻党的教育方针，落实立德树人根本任务。要牢牢抓住人才培养这个关键，坚持为党育人、为国育才，坚持服务国家战略需求，瞄准科技前沿和关键领域，优化学科专业和人才培养布局，打造高水平师资队伍，深化科教融合育人，为加快建设世界重要人才中心和创新高地提供有力支撑。</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4" w:tgtFrame="_blank" w:history="1">
        <w:r w:rsidRPr="00B2739F">
          <w:rPr>
            <w:rFonts w:ascii="微软雅黑" w:eastAsia="微软雅黑" w:hAnsi="微软雅黑" w:cs="宋体" w:hint="eastAsia"/>
            <w:b/>
            <w:bCs/>
            <w:color w:val="0000FF"/>
            <w:kern w:val="0"/>
            <w:sz w:val="36"/>
            <w:szCs w:val="36"/>
            <w:u w:val="single"/>
          </w:rPr>
          <w:t>习近平主持召开中央全面深化改革委员会第二十二次会议强调 加快科技体制改革攻坚建设全国统一电力市场体系 建立中小学校党组织领导的校长负责制</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加强党对教育工作的全面领导是办好教育的根本保证，要在中小学校建立党组织领导的校长负责制，把政治标准和政治要求贯穿办学治校、教书育人全过程各方面，坚持为党育人、为国育才，保证党的教育方针和党中央决策部署在中小学校得到贯彻落实。</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坚持和加强党对中小学校的全面领导，要在深入总结试点工作基础上，健全发挥中小学校党组织领导作用的体制机制，确保党组织履行好把方向、管大局、作决策、抓班子、带队伍、保落实的领导职责。要把党建工作作为办学治校的重要任务，发挥基层党组织作用，加强党员队</w:t>
      </w:r>
      <w:r w:rsidRPr="00B2739F">
        <w:rPr>
          <w:rFonts w:ascii="微软雅黑" w:eastAsia="微软雅黑" w:hAnsi="微软雅黑" w:cs="宋体" w:hint="eastAsia"/>
          <w:color w:val="000000"/>
          <w:kern w:val="0"/>
          <w:sz w:val="27"/>
          <w:szCs w:val="27"/>
        </w:rPr>
        <w:lastRenderedPageBreak/>
        <w:t>伍建设，使基层党组织成为学校教书育人的坚强战斗堡垒。要把思想政治工作紧紧抓在手上，深入开展社会主义核心价值观教育，抓好学生德育工作，把弘扬革命传统、传承红色基因深刻融入到学校教育中来，厚植爱党、爱国、爱人民、爱社会主义的情感，努力培养德智体美劳全面发展的社会主义建设者和接班人。要加强分类指导、分步实施，针对不同类型、不同规模的学校，在做好思想准备、组织准备、工作准备的前提下，成熟一个调整一个，推动改革落到实处。</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5" w:tgtFrame="_blank" w:history="1">
        <w:r w:rsidRPr="00B2739F">
          <w:rPr>
            <w:rFonts w:ascii="微软雅黑" w:eastAsia="微软雅黑" w:hAnsi="微软雅黑" w:cs="宋体" w:hint="eastAsia"/>
            <w:b/>
            <w:bCs/>
            <w:color w:val="0000FF"/>
            <w:kern w:val="0"/>
            <w:sz w:val="36"/>
            <w:szCs w:val="36"/>
            <w:u w:val="single"/>
          </w:rPr>
          <w:t>习近平在中央人才工作会议上强调 深入实施新时代人才强国战略 加快建设世界重要人才中心和创新高地</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坚持党管人才，坚持面向世界科技前沿、面向经济主战场、面向国家重大需求、面向人民生命健康，深入实施新时代人才强国战略，全方位培养、引进、用好人才，加快建设世界重要人才中心和创新高地，为2035年基本实现社会主义现代化提供人才支撑，为2050年全面建成社会主义现代化强国打好人才基础。</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打造大批一流科技领军人才和创新团队，发挥国家实验室、国家科研机构、高水平研究型大学、科技领军企业的国家队作用，围绕国家重点领域、重点产业，组织产学研协同攻关。要优化领军人才发现机制和项目团队遴选机制，对领军人才实行人才梯队配套、科研条件配套、管理机制配套的特殊政策。要造就规模宏大的青年科技人才队伍，把培育国家战略人才力量的政策重心放在青年科技人才上，支持青年人才挑</w:t>
      </w:r>
      <w:r w:rsidRPr="00B2739F">
        <w:rPr>
          <w:rFonts w:ascii="微软雅黑" w:eastAsia="微软雅黑" w:hAnsi="微软雅黑" w:cs="宋体" w:hint="eastAsia"/>
          <w:color w:val="000000"/>
          <w:kern w:val="0"/>
          <w:sz w:val="27"/>
          <w:szCs w:val="27"/>
        </w:rPr>
        <w:lastRenderedPageBreak/>
        <w:t>大梁、当主角。要培养大批卓越工程师，努力建设一支爱党报国、敬业奉献、具有突出技术创新能力、善于解决复杂工程问题的工程师队伍。要调动好高校和企业两个积极性，实现产学研深度融合。</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下大气力全方位培养、引进、用好人才。我国拥有世界上规模最大的高等教育体系，有各项事业发展的广阔舞台，完全能够源源不断培养造就大批优秀人才，完全能够培养出大师。我们要有这样的决心、这样的自信。要走好人才自主培养之路，高校特别是“双一流”大学要发挥培养基础研究人才主力军作用，全方位谋划基础学科人才培养，建设一批基础学科培养基地，培养高水平复合型人才。要制定实施基础研究人才专项，长期稳定支持一批在自然科学领域取得突出成绩且具有明显创新潜力的青年人才。要培养造就大批哲学家、社会科学家、文学艺术家等各方面人才。要加强人才国际交流。要用好用活各类人才，对待急需紧缺的特殊人才，要有特殊政策，不要求全责备，不要论资排辈，不要都用一把尺子衡量，让有真才实学的人才英雄有用武之地。要建立以信任为基础的人才使用机制，允许失败、宽容失败，鼓励科技领军人才挂帅出征。要为各类人才搭建干事创业的平台，构建充分体现知识、技术等创新要素价值的收益分配机制，让事业激励人才，让人才成就事业。</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6" w:tgtFrame="_blank" w:history="1">
        <w:r w:rsidRPr="00B2739F">
          <w:rPr>
            <w:rFonts w:ascii="微软雅黑" w:eastAsia="微软雅黑" w:hAnsi="微软雅黑" w:cs="宋体" w:hint="eastAsia"/>
            <w:b/>
            <w:bCs/>
            <w:color w:val="0000FF"/>
            <w:kern w:val="0"/>
            <w:sz w:val="36"/>
            <w:szCs w:val="36"/>
            <w:u w:val="single"/>
          </w:rPr>
          <w:t>习近平在陕西榆林考察时强调 解放思想改革创新再接再厉 谱写陕西高质量发展新篇章</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中华文明源远流长、绵延不断，基础在教育。实现中华民族伟大复兴，基础在教育。我们办教育，就是要提高人民综合素质，促进人的全</w:t>
      </w:r>
      <w:r w:rsidRPr="00B2739F">
        <w:rPr>
          <w:rFonts w:ascii="微软雅黑" w:eastAsia="微软雅黑" w:hAnsi="微软雅黑" w:cs="宋体" w:hint="eastAsia"/>
          <w:color w:val="000000"/>
          <w:kern w:val="0"/>
          <w:sz w:val="27"/>
          <w:szCs w:val="27"/>
        </w:rPr>
        <w:lastRenderedPageBreak/>
        <w:t>面发展，提升社会文明程度，坚定文化自信，增强全民族创造活力。要全面贯彻党的教育方针，落实立德树人根本任务，厚植爱党、爱国、爱人民、爱社会主义的情感，努力培养德智体美劳全面发展的社会主义建设者和接班人。要深化教育教学改革，强化学校教育主阵地作用，全面提高学校教学质量，真正把过重的学业负担和校外培训负担减下来，办好人民满意的教育。</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勉励同学们珍惜大好年华，修身立德、勤学上进、强健体魄、锤炼意志，做对国家、对人民、对社会有用的人。</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7" w:tgtFrame="_blank" w:history="1">
        <w:r w:rsidRPr="00B2739F">
          <w:rPr>
            <w:rFonts w:ascii="微软雅黑" w:eastAsia="微软雅黑" w:hAnsi="微软雅黑" w:cs="宋体" w:hint="eastAsia"/>
            <w:b/>
            <w:bCs/>
            <w:color w:val="0000FF"/>
            <w:kern w:val="0"/>
            <w:sz w:val="36"/>
            <w:szCs w:val="36"/>
            <w:u w:val="single"/>
          </w:rPr>
          <w:t>习近平回信勉励全国高校黄大年式教师团队代表</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你们以黄大年同志为榜样，立足本职岗位，凝聚团队力量，在教书育人、科研创新等方面取得了可喜成绩，我感到很高兴。</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好老师要做到学为人师、行为世范。希望你们继续学习弘扬黄大年同志等优秀教师的高尚精神，同全国高校广大教师一道，立德修身，潜心治学，开拓创新，真正把为学、为事、为人统一起来，当好学生成长的引路人，为培养德智体美劳全面发展的社会主义建设者和接班人、全面建设社会主义现代化国家不断作出新贡献。</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教师节即将来临，我向你们、向全国广大教师致以节日的祝贺和诚挚的祝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8" w:tgtFrame="_blank" w:history="1">
        <w:r w:rsidRPr="00B2739F">
          <w:rPr>
            <w:rFonts w:ascii="微软雅黑" w:eastAsia="微软雅黑" w:hAnsi="微软雅黑" w:cs="宋体" w:hint="eastAsia"/>
            <w:b/>
            <w:bCs/>
            <w:color w:val="0000FF"/>
            <w:kern w:val="0"/>
            <w:sz w:val="36"/>
            <w:szCs w:val="36"/>
            <w:u w:val="single"/>
          </w:rPr>
          <w:t>习近平给北京大学的留学生们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你们主动了解中国国情和中国共产党历史，这对了解中国的过去、现在、将来十分有益。</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读懂今天的中国，必须读懂中国共产党。你们提到中国共产党致力于发展经济、消除贫困，积极援助其他国家抗击新冠肺炎疫情。中国共产党做这些事情，是因为中国共产党是为中国人民谋幸福的政党，也是为促进人类进步事业而奋斗的政党。中国有句俗语：百闻不如一见。欢迎你们多到中国各地走走看看，更加深入地了解真实的中国，同时把你们的想法和体会介绍给更多的人，为促进各国人民民心相通发挥积极作用。</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9" w:tgtFrame="_blank" w:history="1">
        <w:r w:rsidRPr="00B2739F">
          <w:rPr>
            <w:rFonts w:ascii="微软雅黑" w:eastAsia="微软雅黑" w:hAnsi="微软雅黑" w:cs="宋体" w:hint="eastAsia"/>
            <w:b/>
            <w:bCs/>
            <w:color w:val="0000FF"/>
            <w:kern w:val="0"/>
            <w:sz w:val="36"/>
            <w:szCs w:val="36"/>
            <w:u w:val="single"/>
          </w:rPr>
          <w:t>习近平在中共中央政治局第三十次集体学习时强调 加强和改进国际传播工作 展示真实立体全面的中国</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加强高校学科建设和后备人才培养，提升国际传播理论研究水平。</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20" w:tgtFrame="_blank" w:history="1">
        <w:r w:rsidRPr="00B2739F">
          <w:rPr>
            <w:rFonts w:ascii="微软雅黑" w:eastAsia="微软雅黑" w:hAnsi="微软雅黑" w:cs="宋体" w:hint="eastAsia"/>
            <w:b/>
            <w:bCs/>
            <w:color w:val="0000FF"/>
            <w:kern w:val="0"/>
            <w:sz w:val="36"/>
            <w:szCs w:val="36"/>
            <w:u w:val="single"/>
          </w:rPr>
          <w:t>习近平回信勉励江苏省淮安市新安小学的少先队员 结合自身成长实际学好党史 从小坚定听党话跟党走的决心 祝全国小朋友们“六一”国际儿童节快乐</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你们学校是“新安旅行团”的母校，你们在信中表达了对学校红色历史的自豪之情，也说到了你们学习党史的收获。</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当年，在党的关怀和领导下，“新安旅行团”不怕艰苦，足迹遍及大半个中国，以文艺为武器，唤起民众抗日救亡，宣传党的主张，展现了爱国奋进的精神风貌。希望你们结合自身成长实际学好党史，以英雄模范人物为榜样，从小坚定听党话、跟党走的决心，刻苦学习，树立理想，砥砺品格，增长本领，努力实现德智体美劳全面发展。</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21" w:tgtFrame="_blank" w:history="1">
        <w:r w:rsidRPr="00B2739F">
          <w:rPr>
            <w:rFonts w:ascii="微软雅黑" w:eastAsia="微软雅黑" w:hAnsi="微软雅黑" w:cs="宋体" w:hint="eastAsia"/>
            <w:b/>
            <w:bCs/>
            <w:color w:val="0000FF"/>
            <w:kern w:val="0"/>
            <w:sz w:val="36"/>
            <w:szCs w:val="36"/>
            <w:u w:val="single"/>
          </w:rPr>
          <w:t>两院院士大会中国科协第十次全国代表大会在京召开 习近平发表重要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强化国家战略科技力量，提升国家创新体系整体效能。国家实验室、国家科研机构、高水平研究型大学、科技领军企业都是国家战略科技力量的重要组成部分，要自觉履行高水平科技自立自强的使命担当，多出战略性、关键性重大科技成果，着力解决影响制约国家发展全局和长远利益的重大科技问题，加快建设原始创新策源地，加快突破关键核心技术。高水平研究型大学要发挥基础研究深厚、学科交叉融合的优势，成为基础研究的主力军和重大科技突破的生力军。科技领军企业要发挥市场需求、集成创新、组织平台的优势，提升我国产业基础能力和产业链现代化水平。各地区要立足自身优势，结合产业发展需求，科学合理布局科技创新。</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推进科技体制改革，形成支持全面创新的基础制度。要健全社会主义市场经济条件下新型举国体制，充分发挥国家作为重大科技创新组织者的作用。要重点抓好完善评价制度等基础改革，坚持质量、绩效、贡献为核心的评价导向，全面准确反映成果创新水平、转化应用绩效和</w:t>
      </w:r>
      <w:r w:rsidRPr="00B2739F">
        <w:rPr>
          <w:rFonts w:ascii="微软雅黑" w:eastAsia="微软雅黑" w:hAnsi="微软雅黑" w:cs="宋体" w:hint="eastAsia"/>
          <w:color w:val="000000"/>
          <w:kern w:val="0"/>
          <w:sz w:val="27"/>
          <w:szCs w:val="27"/>
        </w:rPr>
        <w:lastRenderedPageBreak/>
        <w:t>对经济社会发展的实际贡献。要拿出更大的勇气推动科技管理职能转变，按照抓战略、抓改革、抓规划、抓服务的定位，转变作风，提升能力，强化规划政策引导，给予科研单位更多自主权，赋予科学家更大技术路线决定权和经费使用权，让科研单位和科研人员从繁琐、不必要的体制机制束缚中解放出来。要改革重大科技项目立项和组织管理方式，实行“揭榜挂帅”、“赛马”等制度，做到不论资历、不设门槛，让有真才实学的科技人员英雄有用武之地。</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激发各类人才创新活力，建设全球人才高地。当今世界的竞争说到底是人才竞争、教育竞争。要更加重视人才自主培养，努力造就一批具有世界影响力的顶尖科技人才，稳定支持一批创新团队，培养更多高素质技术技能人才、能工巧匠、大国工匠。我国教育是能够培养出大师来的，我们要有这个自信！要构筑集聚全球优秀人才的科研创新高地，完善高端人才、专业人才来华工作、科研、交流的政策。要让科技人员把主要精力投入科技创新和研发活动，决不能让科技人员把大量时间花在一些无谓的迎来送往活动上，花在不必要的评审评价活动上，花在形式主义、官僚主义的种种活动上。</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22" w:tgtFrame="_blank" w:history="1">
        <w:r w:rsidRPr="00B2739F">
          <w:rPr>
            <w:rFonts w:ascii="微软雅黑" w:eastAsia="微软雅黑" w:hAnsi="微软雅黑" w:cs="宋体" w:hint="eastAsia"/>
            <w:b/>
            <w:bCs/>
            <w:color w:val="0000FF"/>
            <w:kern w:val="0"/>
            <w:sz w:val="36"/>
            <w:szCs w:val="36"/>
            <w:u w:val="single"/>
          </w:rPr>
          <w:t>习近平主持召开中央全面深化改革委员会第十九次会议强调 减轻义务教育阶段学生作业负担和校外培训负担</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义务教育是国民教育的重中之重，要全面贯彻党的教育方针，落实立德树人根本任务，充分发挥学校教书育人主体功能，强化线上线下校外培训机构规范管理。</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义务教育最突出的问题之一是中小学生负担太重，短视化、功利化问题没有根本解决。特别是校外培训机构无序发展，“校内减负、校外增负”现象突出。减轻学生负担，根本之策在于全面提高学校教学质量，做到应教尽教，强化学校教育的主阵地作用。要深化教育教学改革，提升课堂教学质量，优化教学方式，全面压减作业总量，降低考试压力。要鼓励支持学校开展各种课后育人活动，满足学生的多样化需求。要加强教师队伍建设，优化教师资源配置，提高教育教学水平，依法保障教师权益和待遇。</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全面规范管理校外培训机构，坚持从严治理，对存在不符合资质、管理混乱、借机敛财、虚假宣传、与学校勾连牟利等问题的机构，要严肃查处。要明确培训机构收费标准，加强预收费监管，严禁随意资本化运作，不能让良心的行业变成逐利的产业。要完善相关法律，依法管理校外培训机构。各级党委和政府要强化主体责任，做实做细落实方案，科学组织、务求实效，依法规范教学培训秩序，加强权益保护，确保改革稳妥实施。</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23" w:tgtFrame="_blank" w:history="1">
        <w:r w:rsidRPr="00B2739F">
          <w:rPr>
            <w:rFonts w:ascii="微软雅黑" w:eastAsia="微软雅黑" w:hAnsi="微软雅黑" w:cs="宋体" w:hint="eastAsia"/>
            <w:b/>
            <w:bCs/>
            <w:color w:val="0000FF"/>
            <w:kern w:val="0"/>
            <w:sz w:val="36"/>
            <w:szCs w:val="36"/>
            <w:u w:val="single"/>
          </w:rPr>
          <w:t>习近平给《文史哲》编辑部全体编辑人员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文史哲》创刊70年来，在党的领导下，几代编辑人员守正创新、薪火相传，在弘扬中华文明、繁荣学术研究等方面做了大量工作，在国内外赢得一定声誉，你们付出的努力值得肯定。</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增强做中国人的骨气和底气，让世界更好认识中国、了解中国，需要深入理解中华文明，从历史和现实、理论和实践相结合的角度深入阐释如何更好坚持中国道路、弘扬中国精神、凝聚中国力量。回答好这一重大课题，需要广大哲学社会科学工作者共同努力，在新的时代条件下推动中华优秀传统文化创造性转化、创新性发展。高品质的学术期刊就是要坚守初心、引领创新，展示高水平研究成果，支持优秀学术人才成长，促进中外学术交流。希望你们再接再厉，把刊物办得更好。</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24" w:tgtFrame="_blank" w:history="1">
        <w:r w:rsidRPr="00B2739F">
          <w:rPr>
            <w:rFonts w:ascii="微软雅黑" w:eastAsia="微软雅黑" w:hAnsi="微软雅黑" w:cs="宋体" w:hint="eastAsia"/>
            <w:b/>
            <w:bCs/>
            <w:color w:val="0000FF"/>
            <w:kern w:val="0"/>
            <w:sz w:val="36"/>
            <w:szCs w:val="36"/>
            <w:u w:val="single"/>
          </w:rPr>
          <w:t>习近平在广西考察时强调 解放思想深化改革凝心聚力担当实干 建设新时代中国特色社会主义壮美广西</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全面贯彻党的教育方针，落实立德树人根本任务，加强对线上线下校外培训机构的规范管理。</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25" w:tgtFrame="_blank" w:history="1">
        <w:r w:rsidRPr="00B2739F">
          <w:rPr>
            <w:rFonts w:ascii="微软雅黑" w:eastAsia="微软雅黑" w:hAnsi="微软雅黑" w:cs="宋体" w:hint="eastAsia"/>
            <w:b/>
            <w:bCs/>
            <w:color w:val="0000FF"/>
            <w:kern w:val="0"/>
            <w:sz w:val="36"/>
            <w:szCs w:val="36"/>
            <w:u w:val="single"/>
          </w:rPr>
          <w:t>习近平在清华大学考察时强调 坚持中国特色世界一流大学建设目标方向 为服务国家富强民族复兴人民幸福贡献力量</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百年大计，教育为本。今年是中国共产党成立100周年，我国开启了全面建设社会主义现代化国家新征程。党和国家事业发展对高等教育</w:t>
      </w:r>
      <w:r w:rsidRPr="00B2739F">
        <w:rPr>
          <w:rFonts w:ascii="微软雅黑" w:eastAsia="微软雅黑" w:hAnsi="微软雅黑" w:cs="宋体" w:hint="eastAsia"/>
          <w:color w:val="000000"/>
          <w:kern w:val="0"/>
          <w:sz w:val="27"/>
          <w:szCs w:val="27"/>
        </w:rPr>
        <w:lastRenderedPageBreak/>
        <w:t>的需要，对科学知识和优秀人才的需要，比以往任何时候都更为迫切。我们要建设的世界一流大学是中国特色社会主义的一流大学，我国社会主义教育就是要培养德智体美劳全面发展的社会主义建设者和接班人。我国高等教育要立足中华民族伟大复兴战略全局和世界百年未有之大变局，心怀“国之大者”，把握大势，敢于担当，善于作为，为服务国家富强、民族复兴、人民幸福贡献力量。广大青年要肩负历史使命，坚定前进信心，立大志、明大德、成大才、担大任，努力成为堪当民族复兴重任的时代新人，让青春在为祖国、为民族、为人民、为人类的不懈奋斗中绽放绚丽之花。</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美术、艺术、科学、技术相辅相成、相互促进、相得益彰。要发挥美术在服务经济社会发展中的重要作用，把更多美术元素、艺术元素应用到城乡规划建设中，增强城乡审美韵味、文化品位，把美术成果更好服务于人民群众的高品质生活需求。要增强文化自信，以美为媒，加强国际文化交流。</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中国教育是能够培养出大师来的。我们要有这个自信，开拓视野、兼收并蓄，扎扎实实把中国教育办好。重大原始创新成果往往萌发于深厚的基础研究，产生于学科交叉领域，大学在这两方面具有天然优势。要保持对基础研究的持续投入，鼓励自由探索，敢于质疑现有理论，勇于开拓新的方向。</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坚持中国特色社会主义教育发展道路，充分发挥科研优势，增强学科设置的针对性，加强基础研究，加大自主创新力度，并从我国改革</w:t>
      </w:r>
      <w:r w:rsidRPr="00B2739F">
        <w:rPr>
          <w:rFonts w:ascii="微软雅黑" w:eastAsia="微软雅黑" w:hAnsi="微软雅黑" w:cs="宋体" w:hint="eastAsia"/>
          <w:color w:val="000000"/>
          <w:kern w:val="0"/>
          <w:sz w:val="27"/>
          <w:szCs w:val="27"/>
        </w:rPr>
        <w:lastRenderedPageBreak/>
        <w:t>发展实践中提出新观点、构建新理论，努力构建中国特色、中国风格、中国气派的学科体系、学术体系、话语体系。</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清华大学秉持自强不息、厚德载物的校训，深化改革、加快创新，各项事业欣欣向荣，科研创新成果与国家发展需要丝丝相扣，展现了清华人的勇毅和担当。面向未来，清华大学要坚持把立德树人作为根本任务，把服务国家作为最高追求，把学科建设作为发展根基，把深化改革作为强大动力，把加强党的建设作为坚强保证，不忘初心、牢记使命，为党育人、为国育才，为实现第二个百年奋斗目标、实现中华民族伟大复兴的中国梦、推动人类文明进步作出新的更大的贡献。</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重视体育是清华大学的光荣传统，希望同学们发扬好清华大学的优良学风和体育传统，坚持德智体美劳全面发展，努力成为祖国建设的栋梁之才。</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清华大学诞生于国家和民族危难之际，成长于国家和民族奋进之中，发展于国家和民族振兴之时。110年来，清华大学深深扎根中国大地，培育了爱国奉献、追求卓越的光荣传统，形成了又红又专、全面发展的教书育人特色，为国家、为民族、为人民培养了大批可堪大任的杰出英才。这是一代代清华人拼搏奋斗、勇攀高峰、争创一流的结果。</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清华大学的发展历程，是我国高等教育发展的一个生动缩影。新中国成立以来，我国高等教育走过了从小到大、从弱到强的极不平凡历程，办学规模、培养质量、服务能力实现历史性跃升。特别是党的十八大以</w:t>
      </w:r>
      <w:r w:rsidRPr="00B2739F">
        <w:rPr>
          <w:rFonts w:ascii="微软雅黑" w:eastAsia="微软雅黑" w:hAnsi="微软雅黑" w:cs="宋体" w:hint="eastAsia"/>
          <w:color w:val="000000"/>
          <w:kern w:val="0"/>
          <w:sz w:val="27"/>
          <w:szCs w:val="27"/>
        </w:rPr>
        <w:lastRenderedPageBreak/>
        <w:t>来，我国高等教育与祖国共进、与时代同行，创造了举世瞩目的发展成就。</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一个国家的高等教育体系需要有一流大学群体的有力支撑，一流大学群体的水平和质量决定了高等教育体系的水平和质量。一流大学建设要坚持党的领导，坚持马克思主义指导地位，全面贯彻党的教育方针，坚持社会主义办学方向，抓住历史机遇，紧扣时代脉搏，立足新发展阶段、贯彻新发展理念、服务构建新发展格局，把发展科技第一生产力、培养人才第一资源、增强创新第一动力更好结合起来，更好为改革开放和社会主义现代化建设服务。</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追求一流是一个永无止境、不断超越的过程，要明确方向、突出重点。要培养一流人才方阵。建设一流大学，关键是要不断提高人才培养质量。要想国家之所想、急国家之所急、应国家之所需，抓住全面提高人才培养能力这个重点，坚持把立德树人作为根本任务，着力培养担当民族复兴大任的时代新人。要构建一流大学体系。高等教育体系是一个有机整体，其内部各部分具有内在的相互依存关系。要用好学科交叉融合的“催化剂”，加强基础学科培养能力，打破学科专业壁垒，对现有学科专业体系进行调整升级，瞄准科技前沿和关键领域，推进新工科、新医科、新农科、新文科建设，加快培养紧缺人才。要提升原始创新能力。一流大学是基础研究的主力军和重大科技突破的策源地，要完善以健康学术生态为基础、以有效学术治理为保障、以产生一流学术成果和培养一流人才为目标的大学创新体系，勇于攻克“卡脖子”的关键核心</w:t>
      </w:r>
      <w:r w:rsidRPr="00B2739F">
        <w:rPr>
          <w:rFonts w:ascii="微软雅黑" w:eastAsia="微软雅黑" w:hAnsi="微软雅黑" w:cs="宋体" w:hint="eastAsia"/>
          <w:color w:val="000000"/>
          <w:kern w:val="0"/>
          <w:sz w:val="27"/>
          <w:szCs w:val="27"/>
        </w:rPr>
        <w:lastRenderedPageBreak/>
        <w:t>技术，加强产学研深度融合，促进科技成果转化。要坚持开放合作。加强国际交流合作，主动搭建中外教育文化友好交往的合作平台，共同应对全球性挑战，促进人类共同福祉。</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当代中国青年是与新时代同向同行、共同前进的一代，生逢盛世，肩负重任。广大青年要爱国爱民，从党史学习中激发信仰、获得启发、汲取力量，不断坚定“四个自信”，不断增强做中国人的志气、骨气、底气，树立为祖国为人民永久奋斗、赤诚奉献的坚定理想。要锤炼品德，自觉树立和践行社会主义核心价值观，自觉用中华优秀传统文化、革命文化、社会主义先进文化培根铸魂、启智润心，加强道德修养，明辨是非曲直，增强自我定力，矢志追求更有高度、更有境界、更有品位的人生。要勇于创新，深刻理解把握时代潮流和国家需要，敢为人先、敢于突破，以聪明才智贡献国家，以开拓进取服务社会。要实学实干，脚踏实地、埋头苦干，孜孜不倦、如饥似渴，在攀登知识高峰中追求卓越，在肩负时代重任时行胜于言，在真刀真枪的实干中成就一番事业。</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教师是教育工作的中坚力量，没有高水平的师资队伍，就很难培养出高水平的创新人才，也很难产生高水平的创新成果。大学教师对学生承担着传授知识、培养能力、塑造正确人生观的职责。教师要成为大先生，做学生为学、为事、为人的示范，促进学生成长为全面发展的人。要研究真问题，着眼世界学术前沿和国家重大需求，致力于解决实际问题，善于学习新知识、新技术、新理论。要坚定信念，始终同党和人民站在一起，自觉做中国特色社会主义的坚定信仰者和忠实实践者。</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26" w:tgtFrame="_blank" w:history="1">
        <w:r w:rsidRPr="00B2739F">
          <w:rPr>
            <w:rFonts w:ascii="微软雅黑" w:eastAsia="微软雅黑" w:hAnsi="微软雅黑" w:cs="宋体" w:hint="eastAsia"/>
            <w:b/>
            <w:bCs/>
            <w:color w:val="0000FF"/>
            <w:kern w:val="0"/>
            <w:sz w:val="36"/>
            <w:szCs w:val="36"/>
            <w:u w:val="single"/>
          </w:rPr>
          <w:t>习近平对职业教育工作作出重要指示</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在全面建设社会主义现代化国家新征程中，职业教育前途广阔、大有可为。要坚持党的领导，坚持正确办学方向，坚持立德树人，优化职业教育类型定位，深化产教融合、校企合作，深入推进育人方式、办学模式、管理体制、保障机制改革，稳步发展职业本科教育，建设一批高水平职业院校和专业，推动职普融通，增强职业教育适应性，加快构建现代职业教育体系，培养更多高素质技术技能人才、能工巧匠、大国工匠。各级党委和政府要加大制度创新、政策供给、投入力度，弘扬工匠精神，提高技术技能人才社会地位，为全面建设社会主义现代化国家、实现中华民族伟大复兴的中国梦提供有力人才和技能支撑。</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27" w:tgtFrame="_blank" w:history="1">
        <w:r w:rsidRPr="00B2739F">
          <w:rPr>
            <w:rFonts w:ascii="微软雅黑" w:eastAsia="微软雅黑" w:hAnsi="微软雅黑" w:cs="宋体" w:hint="eastAsia"/>
            <w:b/>
            <w:bCs/>
            <w:color w:val="0000FF"/>
            <w:kern w:val="0"/>
            <w:sz w:val="36"/>
            <w:szCs w:val="36"/>
            <w:u w:val="single"/>
          </w:rPr>
          <w:t>习近平致信祝贺厦门大学建校100周年</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厦门大学是一所具有光荣传统的大学。100年来，学校秉持爱国华侨领袖陈嘉庚先生的立校志向，形成了“爱国、革命、自强、科学”的优良校风，打造了鲜明的办学特色，培养了大批优秀人才，为国家富强、人民幸福和中华文化海外传播作出了积极贡献。</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我国已开启全面建设社会主义现代化国家新征程。希望厦门大学全面贯彻党的教育方针，切实落实立德树人根本任务，为党育人、为国育才，与时俱进建设世界一流大学，全面提升服务区域发展和国家战略能力，为增强中华民族凝聚力和向心力，为全面建设社会主义现代化国家、实现中华民族伟大复兴的中国梦作出新的更大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28" w:tgtFrame="_blank" w:history="1">
        <w:r w:rsidRPr="00B2739F">
          <w:rPr>
            <w:rFonts w:ascii="微软雅黑" w:eastAsia="微软雅黑" w:hAnsi="微软雅黑" w:cs="宋体" w:hint="eastAsia"/>
            <w:b/>
            <w:bCs/>
            <w:color w:val="0000FF"/>
            <w:kern w:val="0"/>
            <w:sz w:val="36"/>
            <w:szCs w:val="36"/>
            <w:u w:val="single"/>
          </w:rPr>
          <w:t>习近平在福建考察时强调 在服务和融入新发展格局上展现更大作为 奋力谱写全面建设社会主义现代化国家福建篇章</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把立德树人作为根本任务，坚持应用技术型办学方向，适应社会需要设置专业、打好基础，培养德智体美劳全面发展的社会主义建设者和接班人。</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实现第二个百年奋斗目标，实现中华民族伟大复兴，青年一代责任在肩。希望同学们树立远大理想、热爱伟大祖国、担当时代责任、勇于砥砺奋斗、练就过硬本领、锤炼品德修为，努力成为对社会有用的人、道德高尚的人，积极投身全面建设社会主义现代化国家的伟大事业。</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29" w:tgtFrame="_blank" w:history="1">
        <w:r w:rsidRPr="00B2739F">
          <w:rPr>
            <w:rFonts w:ascii="微软雅黑" w:eastAsia="微软雅黑" w:hAnsi="微软雅黑" w:cs="宋体" w:hint="eastAsia"/>
            <w:b/>
            <w:bCs/>
            <w:color w:val="0000FF"/>
            <w:kern w:val="0"/>
            <w:sz w:val="36"/>
            <w:szCs w:val="36"/>
            <w:u w:val="single"/>
          </w:rPr>
          <w:t>习近平在看望参加政协会议的医药卫生界教育界委员时强调 把保障人民健康放在优先发展的战略位置 着力构建优质均衡的基本公共教育服务体系</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教育是国之大计、党之大计。要从党和国家事业发展全局的高度，坚守为党育人、为国育才，把立德树人融入思想道德教育、文化知识教育、社会实践教育各环节，贯穿基础教育、职业教育、高等教育各领域，体现到学科体系、教学体系、教材体系、管理体系建设各方面，培根铸魂、启智润心。要从我国改革发展实践中提出新观点、构建新理论，努力构建具有中国特色、中国风格、中国气派的学科体系、学术体系、话语体系。要围绕建设高质量教育体系，以教育评价改革为牵引，统筹推</w:t>
      </w:r>
      <w:r w:rsidRPr="00B2739F">
        <w:rPr>
          <w:rFonts w:ascii="微软雅黑" w:eastAsia="微软雅黑" w:hAnsi="微软雅黑" w:cs="宋体" w:hint="eastAsia"/>
          <w:color w:val="000000"/>
          <w:kern w:val="0"/>
          <w:sz w:val="27"/>
          <w:szCs w:val="27"/>
        </w:rPr>
        <w:lastRenderedPageBreak/>
        <w:t>进育人方式、办学模式、管理体制、保障机制改革。要增强教育服务创新发展能力，培养更多适应高质量发展、高水平自立自强的各类人才。对群众反映强烈的突出问题，对打着教育旗号侵害群众利益的行为，要紧盯不放，坚决改到位、改彻底。</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教师是教育工作的中坚力量。有高质量的教师，才会有高质量的教育。做好老师，就要执着于教书育人，有热爱教育的定力、淡泊名利的坚守，就要有理想信念、有道德情操、有扎实学识、有仁爱之心。广大思想政治理论课教师，政治要强、情怀要深、思维要新、视野要广、自律要严、人格要正。要把师德师风建设摆在首要位置，引导广大教师继承发扬老一辈教育工作者“捧着一颗心来，不带半根草去”的精神，以赤诚之心、奉献之心、仁爱之心投身教育事业。要加强中西部欠发达地区教师定向培养和精准培训，深入实施乡村教师支持计划。要在全党全社会大力弘扬尊师重教的社会风尚，推动形成优秀人才竞相从教、广大教师尽展其才、好老师不断涌现的良好局面。</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30" w:tgtFrame="_blank" w:history="1">
        <w:r w:rsidRPr="00B2739F">
          <w:rPr>
            <w:rFonts w:ascii="微软雅黑" w:eastAsia="微软雅黑" w:hAnsi="微软雅黑" w:cs="宋体" w:hint="eastAsia"/>
            <w:b/>
            <w:bCs/>
            <w:color w:val="0000FF"/>
            <w:kern w:val="0"/>
            <w:sz w:val="36"/>
            <w:szCs w:val="36"/>
            <w:u w:val="single"/>
          </w:rPr>
          <w:t>习近平在参加内蒙古代表团审议时强调 完整准确全面贯彻新发展理念 铸牢中华民族共同体意识</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文化认同是最深层次的认同，是民族团结之根、民族和睦之魂。要认真做好推广普及国家通用语言文字工作，全面推行使用国家统编教材。要在各族干部群众中深入开展中华民族共同体意识教育，特别是要从青少年教育抓起，引导广大干部群众全面理解党的民族政策，树立正确的</w:t>
      </w:r>
      <w:r w:rsidRPr="00B2739F">
        <w:rPr>
          <w:rFonts w:ascii="微软雅黑" w:eastAsia="微软雅黑" w:hAnsi="微软雅黑" w:cs="宋体" w:hint="eastAsia"/>
          <w:color w:val="000000"/>
          <w:kern w:val="0"/>
          <w:sz w:val="27"/>
          <w:szCs w:val="27"/>
        </w:rPr>
        <w:lastRenderedPageBreak/>
        <w:t>国家观、历史观、民族观、文化观、宗教观，旗帜鲜明反对各种错误思想观点，凝聚“建设亮丽内蒙古，共圆伟大中国梦”的合力。</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31" w:tgtFrame="_blank" w:history="1">
        <w:r w:rsidRPr="00B2739F">
          <w:rPr>
            <w:rFonts w:ascii="微软雅黑" w:eastAsia="微软雅黑" w:hAnsi="微软雅黑" w:cs="宋体" w:hint="eastAsia"/>
            <w:b/>
            <w:bCs/>
            <w:color w:val="0000FF"/>
            <w:kern w:val="0"/>
            <w:sz w:val="36"/>
            <w:szCs w:val="36"/>
            <w:u w:val="single"/>
          </w:rPr>
          <w:t>习近平给人民教育出版社老同志回信强调 紧紧围绕立德树人根本任务 用心打造培根铸魂启智增慧的精品教材</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70年来，人民教育出版社在基础教育教材和教育图书编研出版上辛勤耕耘、接续奋斗，为我国教育事业发展作出了积极贡献，我谨向你们和全社员工致以诚挚的问候！</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百年大计，教育为本。希望人民教育出版社紧紧围绕立德树人根本任务，坚持正确政治方向，弘扬优良传统，推进改革创新，用心打造培根铸魂、启智增慧的精品教材，为培养德智体美劳全面发展的社会主义建设者和接班人、建设教育强国作出新的更大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32" w:tgtFrame="_blank" w:history="1">
        <w:r w:rsidRPr="00B2739F">
          <w:rPr>
            <w:rFonts w:ascii="微软雅黑" w:eastAsia="微软雅黑" w:hAnsi="微软雅黑" w:cs="宋体" w:hint="eastAsia"/>
            <w:b/>
            <w:bCs/>
            <w:color w:val="0000FF"/>
            <w:kern w:val="0"/>
            <w:sz w:val="36"/>
            <w:szCs w:val="36"/>
            <w:u w:val="single"/>
          </w:rPr>
          <w:t>习近平主持召开中央全面深化改革委员会第十六次会议强调 全面贯彻党的十九届五中全会精神 推动改革和发展深度融合高效联动</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党的十八届三中全会以来，我们加强党对教育工作的全面领导，部署推进教育领域综合改革，中国特色社会主义教育制度体系的主体框架基本确立，一些长期制约教育事业发展的体制机制障碍得到破解，一大批基层改革创新的经验做法不断涌现，教育面貌正在发生格局性变化。“十四五”时期，要继续深化教育领域综合改革，全面贯彻党的教育方</w:t>
      </w:r>
      <w:r w:rsidRPr="00B2739F">
        <w:rPr>
          <w:rFonts w:ascii="微软雅黑" w:eastAsia="微软雅黑" w:hAnsi="微软雅黑" w:cs="宋体" w:hint="eastAsia"/>
          <w:color w:val="000000"/>
          <w:kern w:val="0"/>
          <w:sz w:val="27"/>
          <w:szCs w:val="27"/>
        </w:rPr>
        <w:lastRenderedPageBreak/>
        <w:t>针，紧扣落实立德树人根本任务深化教育改革，努力构建德智体美劳全面培养的教育体系。要优化同新发展格局相适应的教育结构、学科专业结构、人才培养结构，统筹推进育人方式、办学模式、管理体制、保障机制改革。要围绕服务国家战略需要，聚焦人民群众所急所需所盼，着力构建优质均衡的基本公共教育服务体系，加快缩小区域、城乡差距。</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33" w:tgtFrame="_blank" w:history="1">
        <w:r w:rsidRPr="00B2739F">
          <w:rPr>
            <w:rFonts w:ascii="微软雅黑" w:eastAsia="微软雅黑" w:hAnsi="微软雅黑" w:cs="宋体" w:hint="eastAsia"/>
            <w:b/>
            <w:bCs/>
            <w:color w:val="0000FF"/>
            <w:kern w:val="0"/>
            <w:sz w:val="36"/>
            <w:szCs w:val="36"/>
            <w:u w:val="single"/>
          </w:rPr>
          <w:t>习近平回信勉励中国戏曲学院师生 在教学相长中探寻艺术真谛 在服务人民中砥砺从艺初心</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你们老中青少四代师生的来信，反映中国戏曲学院办学取得的可喜成果，戏曲艺术薪火相传，我感到很欣慰，向你们以及全校师生员工致以诚挚的问候！</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戏曲是中华文化的瑰宝，繁荣发展戏曲事业关键在人。希望中国戏曲学院以建校70周年为新起点，全面贯彻党的教育方针，落实立德树人根本任务，引导广大师生坚定文化自信，弘扬优良传统，坚持守正创新，在教学相长中探寻艺术真谛，在服务人民中砥砺从艺初心，为传承中华优秀传统文化、建设社会主义文化强国作出新的更大的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34" w:tgtFrame="_blank" w:history="1">
        <w:r w:rsidRPr="00B2739F">
          <w:rPr>
            <w:rFonts w:ascii="微软雅黑" w:eastAsia="微软雅黑" w:hAnsi="微软雅黑" w:cs="宋体" w:hint="eastAsia"/>
            <w:b/>
            <w:bCs/>
            <w:color w:val="0000FF"/>
            <w:kern w:val="0"/>
            <w:sz w:val="36"/>
            <w:szCs w:val="36"/>
            <w:u w:val="single"/>
          </w:rPr>
          <w:t>习近平主持召开教育文化卫生体育领域专家代表座谈会</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教育是国之大计、党之大计。“十四五”时期，我们要从党和国家事业发展全局的高度，全面贯彻党的教育方针，坚持优先发展教育事业，坚守为党育人、为国育才，努力办好人民满意的教育，在加快推进教育</w:t>
      </w:r>
      <w:r w:rsidRPr="00B2739F">
        <w:rPr>
          <w:rFonts w:ascii="微软雅黑" w:eastAsia="微软雅黑" w:hAnsi="微软雅黑" w:cs="宋体" w:hint="eastAsia"/>
          <w:color w:val="000000"/>
          <w:kern w:val="0"/>
          <w:sz w:val="27"/>
          <w:szCs w:val="27"/>
        </w:rPr>
        <w:lastRenderedPageBreak/>
        <w:t>现代化的新征程中培养担当民族复兴大任的时代新人。要坚持社会主义办学方向，把立德树人作为教育的根本任务，发挥教育在培育和践行社会主义核心价值观中的重要作用，深化学校思想政治理论课改革创新，加强和改进学校体育美育，广泛开展劳动教育，发展素质教育，推进教育公平，促进学生德智体美劳全面发展，培养学生爱国情怀、社会责任感、创新精神、实践能力。要优化同新发展格局相适应的教育结构、学科专业结构、人才培养结构，完善全民终身学习推进机制。我国高校要勇挑重担，聚焦国家战略需要，瞄准关键核心技术加快技术攻关。要立足服务国家区域发展战略，优化区域教育资源配置，加快形成点线面结合、东中西呼应的教育发展空间格局，提升教育服务区域发展战略水平。要全面深化教育领域综合改革，增强教育改革的系统性、整体性、协同性。</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35" w:tgtFrame="_blank" w:history="1">
        <w:r w:rsidRPr="00B2739F">
          <w:rPr>
            <w:rFonts w:ascii="微软雅黑" w:eastAsia="微软雅黑" w:hAnsi="微软雅黑" w:cs="宋体" w:hint="eastAsia"/>
            <w:b/>
            <w:bCs/>
            <w:color w:val="0000FF"/>
            <w:kern w:val="0"/>
            <w:sz w:val="36"/>
            <w:szCs w:val="36"/>
            <w:u w:val="single"/>
          </w:rPr>
          <w:t>习近平在湖南考察时强调 在推动高质量发展上闯出新路子 谱写新时代中国特色社会主义湖南新篇章</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你们今天是小树苗，将来要长成参天大树，中华民族伟大复兴的中国梦将在你们身上实现。希望同学们把红色基因传承好，好好学习知识和本领，努力成长为德智体美劳全面发展的社会主义建设者和接班人。各级党委和政府要关心关爱广大基层教师，落实好工资、社保、医疗、继续培训等各项政策。</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要把课堂教学和实践教学有机结合起来，充分运用丰富的历史文化资源，紧密联系中国共产党和中国人民的奋斗历程，深刻领悟马克思主义中国化的内在道理，深刻领悟为什么历史和人民选择了中国共产党和社会主义，进一步坚定“四个自信”。</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在全面建设社会主义现代化国家新征程上，同学们将是接过历史接力棒的主力军。希望大家不负时代重托，不负青春韶华，勤奋学习，树立正确的世界观、人生观、价值观，走好人生道路，为实现第二个百年奋斗目标、实现中华民族伟大复兴的中国梦奉献自己的智慧和力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36" w:tgtFrame="_blank" w:history="1">
        <w:r w:rsidRPr="00B2739F">
          <w:rPr>
            <w:rFonts w:ascii="微软雅黑" w:eastAsia="微软雅黑" w:hAnsi="微软雅黑" w:cs="宋体" w:hint="eastAsia"/>
            <w:b/>
            <w:bCs/>
            <w:color w:val="0000FF"/>
            <w:kern w:val="0"/>
            <w:sz w:val="36"/>
            <w:szCs w:val="36"/>
            <w:u w:val="single"/>
          </w:rPr>
          <w:t>习近平向全国广大教师和教育工作者致以节日祝贺和诚挚慰问 强调不忘立德树人初心 牢记为党育人为国育才使命 不断作出新的更大贡献</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面对突如其来的新冠肺炎疫情，全国广大教师迎难而上，奋战在抗击疫情和“停课不停学、不停教”两条战线上，守护亿万学生身心健康，支撑起世界上最大规模的在线教育，为抗击疫情作出了重要贡献。今年是决胜全面建成小康社会、决战脱贫攻坚之年，全国广大教师用爱心和智慧阻断贫困代际传递，点亮万千乡村孩子的人生梦想，展现了当代人民教师的高尚师德和责任担当。希望广大教师不忘立德树人初心，牢记为党育人、为国育才使命，积极探索新时代教育教学方法，不断提升教书育人本领，为培养德智体美劳全面发展的社会主义建设者和接班人作出新的更大贡献。</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各级党委和政府要满腔热情关心教师，让教师真正成为最受社会尊重和令人羡慕的职业，在全社会营造尊师重教的良好风尚。要统筹做好常态化疫情防控和教育教学工作，确保全面复学、正常复学、安全复学。</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37" w:tgtFrame="_blank" w:history="1">
        <w:r w:rsidRPr="00B2739F">
          <w:rPr>
            <w:rFonts w:ascii="微软雅黑" w:eastAsia="微软雅黑" w:hAnsi="微软雅黑" w:cs="宋体" w:hint="eastAsia"/>
            <w:b/>
            <w:bCs/>
            <w:color w:val="0000FF"/>
            <w:kern w:val="0"/>
            <w:sz w:val="36"/>
            <w:szCs w:val="36"/>
            <w:u w:val="single"/>
          </w:rPr>
          <w:t>习近平致信祝贺全国青联十三届全委会全国学联二十七大召开</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5年来，在党的领导下，在共青团帮助指导下，各级青联和学联组织锐意改革、积极进取，团结广大青年和青年学生在全面建成小康社会进程中贡献智慧力量、展现青春风采，为做好党的青年工作发挥了重要作用。</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经过全党全国各族人民团结奋斗，我们即将夺取全面建成小康社会伟大胜利，踏上实现第二个百年奋斗目标的新征程。我国广大青年要坚定理想信念，培育高尚品格，练就过硬本领，勇于创新创造，矢志艰苦奋斗，同亿万人民一道，在矢志奋斗中谱写新时代的青春之歌。</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青联和学联工作是党的青年工作的重要组成部分。各级党委和政府要加强对青年工作的领导，关心和支持青联和学联工作，为广大青年和青年学生增长才干、施展才华创造良好条件。青联和学联组织要紧跟时代步伐，把握青年工作特点和规律，深化改革创新，组织动员广大青年和青年学生坚定跟党走、奋进新时代，为党和国家事业发展作出新的更大的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38" w:tgtFrame="_blank" w:history="1">
        <w:r w:rsidRPr="00B2739F">
          <w:rPr>
            <w:rFonts w:ascii="微软雅黑" w:eastAsia="微软雅黑" w:hAnsi="微软雅黑" w:cs="宋体" w:hint="eastAsia"/>
            <w:b/>
            <w:bCs/>
            <w:color w:val="0000FF"/>
            <w:kern w:val="0"/>
            <w:sz w:val="36"/>
            <w:szCs w:val="36"/>
            <w:u w:val="single"/>
          </w:rPr>
          <w:t>习近平对研究生教育工作作出重要指示强调 适应党和国家事业发展需要 培养造就大批德才兼备的高层次人才</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中国特色社会主义进入新时代，即将在决胜全面建成小康社会、决战脱贫攻坚的基础上迈向建设社会主义现代化国家新征程，党和国家事业发展迫切需要培养造就大批德才兼备的高层次人才。</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研究生教育在培养创新人才、提高创新能力、服务经济社会发展、推进国家治理体系和治理能力现代化方面具有重要作用。各级党委和政府要高度重视研究生教育，推动研究生教育适应党和国家事业发展需要，坚持“四为”方针，瞄准科技前沿和关键领域，深入推进学科专业调整，提升导师队伍水平，完善人才培养体系，加快培养国家急需的高层次人才，为坚持和发展中国特色社会主义、实现中华民族伟大复兴的中国梦作出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39" w:tgtFrame="_blank" w:history="1">
        <w:r w:rsidRPr="00B2739F">
          <w:rPr>
            <w:rFonts w:ascii="微软雅黑" w:eastAsia="微软雅黑" w:hAnsi="微软雅黑" w:cs="宋体" w:hint="eastAsia"/>
            <w:b/>
            <w:bCs/>
            <w:color w:val="0000FF"/>
            <w:kern w:val="0"/>
            <w:sz w:val="36"/>
            <w:szCs w:val="36"/>
            <w:u w:val="single"/>
          </w:rPr>
          <w:t>习近平致信祝贺中国少年先锋队第八次全国代表大会召开</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少先队是建设社会主义和共产主义的预备队。广大少先队员在少先队这所大学校里立志向、修品行、练本领，从小培养热爱党、热爱祖国、热爱人民的情怀，展现出朝气蓬勃的精神风貌。新时代，少先队要高举队旗跟党走，传承红色基因，培育时代新人，团结、教育、引领广大少先队员做共产主义事业接班人，为坚持和发展中国特色社会主义、实现</w:t>
      </w:r>
      <w:r w:rsidRPr="00B2739F">
        <w:rPr>
          <w:rFonts w:ascii="微软雅黑" w:eastAsia="微软雅黑" w:hAnsi="微软雅黑" w:cs="宋体" w:hint="eastAsia"/>
          <w:color w:val="000000"/>
          <w:kern w:val="0"/>
          <w:sz w:val="27"/>
          <w:szCs w:val="27"/>
        </w:rPr>
        <w:lastRenderedPageBreak/>
        <w:t>中华民族伟大复兴的中国梦时刻准备着。各级党委要加强对少先队工作的领导，各级政府及全社会要加强对少先队工作的支持，为新时代少年儿童茁壮成长提供有利条件。共青团要带领少先队履职尽责、奋发有为，为红领巾增添新时代的光荣。</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40" w:tgtFrame="_blank" w:history="1">
        <w:r w:rsidRPr="00B2739F">
          <w:rPr>
            <w:rFonts w:ascii="微软雅黑" w:eastAsia="微软雅黑" w:hAnsi="微软雅黑" w:cs="宋体" w:hint="eastAsia"/>
            <w:b/>
            <w:bCs/>
            <w:color w:val="0000FF"/>
            <w:kern w:val="0"/>
            <w:sz w:val="36"/>
            <w:szCs w:val="36"/>
            <w:u w:val="single"/>
          </w:rPr>
          <w:t>习近平回信寄语广大高校毕业生 把个人的理想追求融入党和国家事业之中 为党为祖国为人民多作贡献</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得知你们118名同学毕业后将奔赴新疆基层工作，立志同各族群众一起奋斗，努力成为可堪大用、能担重任的西部建设者，我支持你们作出的这个人生选择。</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这场抗击新冠肺炎疫情的严峻斗争，让你们这届高校毕业生经受了磨练、收获了成长，也使你们切身体会到了“志不求易者成，事不避难者进”的道理。前进的道路从不会一帆风顺，实现中华民族伟大复兴的中国梦需要一代一代青年矢志奋斗。同学们生逢其时、肩负重任。希望全国广大高校毕业生志存高远、脚踏实地，不畏艰难险阻，勇担时代使命，把个人的理想追求融入党和国家事业之中，为党、为祖国、为人民多作贡献。</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各级党委、政府和社会各界要切实做好高校毕业生就业工作，采取有效措施，克服新冠肺炎疫情带来的不利影响，千方百计帮助高校毕业生就业，热情支持高校毕业生在各自工作岗位上为党和人民建功立业。</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41" w:tgtFrame="_blank" w:history="1">
        <w:r w:rsidRPr="00B2739F">
          <w:rPr>
            <w:rFonts w:ascii="微软雅黑" w:eastAsia="微软雅黑" w:hAnsi="微软雅黑" w:cs="宋体" w:hint="eastAsia"/>
            <w:b/>
            <w:bCs/>
            <w:color w:val="0000FF"/>
            <w:kern w:val="0"/>
            <w:sz w:val="36"/>
            <w:szCs w:val="36"/>
            <w:u w:val="single"/>
          </w:rPr>
          <w:t>习近平给复旦大学青年师生党员回信勉励广大党员 在学思践悟中坚定理想信念 在奋发有为中践行初心使命</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100年前，陈望道同志翻译了首个中文全译本《共产党宣言》，为引导大批有志之士树立共产主义远大理想、投身民族解放振兴事业发挥了重要作用。现在，你们积极宣讲老校长陈望道同志追寻真理的故事，传播马克思主义理论，是一件很有意义的事情。希望你们坚持做下去、做得更好。</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心有所信，方能行远。面向未来，走好新时代的长征路，我们更需要坚定理想信念、矢志拼搏奋斗。希望广大党员特别是青年党员认真学习马克思主义理论，结合学习党史、新中国史、改革开放史、社会主义发展史，在学思践悟中坚定理想信念，在奋发有为中践行初心使命，努力为实现“两个一百年”奋斗目标、实现中华民族伟大复兴的中国梦贡献智慧和力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42" w:tgtFrame="_blank" w:history="1">
        <w:r w:rsidRPr="00B2739F">
          <w:rPr>
            <w:rFonts w:ascii="微软雅黑" w:eastAsia="微软雅黑" w:hAnsi="微软雅黑" w:cs="宋体" w:hint="eastAsia"/>
            <w:b/>
            <w:bCs/>
            <w:color w:val="0000FF"/>
            <w:kern w:val="0"/>
            <w:sz w:val="36"/>
            <w:szCs w:val="36"/>
            <w:u w:val="single"/>
          </w:rPr>
          <w:t>习近平致信祝贺哈尔滨工业大学建校100周年</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哈尔滨工业大学历史悠久。新中国成立以来，在党的领导下，学校扎根东北、爱国奉献、艰苦创业，打造了一大批国之重器，培养了一大批杰出人才，为党和人民作出了重要贡献。希望哈尔滨工业大学在新的起点上，坚持社会主义办学方向，紧扣立德树人根本任务，在教书育人、科研攻关等工作中，不断改革创新、奋发作为、追求卓越，努力为实现</w:t>
      </w:r>
      <w:r w:rsidRPr="00B2739F">
        <w:rPr>
          <w:rFonts w:ascii="微软雅黑" w:eastAsia="微软雅黑" w:hAnsi="微软雅黑" w:cs="宋体" w:hint="eastAsia"/>
          <w:color w:val="000000"/>
          <w:kern w:val="0"/>
          <w:sz w:val="27"/>
          <w:szCs w:val="27"/>
        </w:rPr>
        <w:lastRenderedPageBreak/>
        <w:t>“两个一百年”奋斗目标和中华民族伟大复兴的中国梦作出新的更大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43" w:tgtFrame="_blank" w:history="1">
        <w:r w:rsidRPr="00B2739F">
          <w:rPr>
            <w:rFonts w:ascii="微软雅黑" w:eastAsia="微软雅黑" w:hAnsi="微软雅黑" w:cs="宋体" w:hint="eastAsia"/>
            <w:b/>
            <w:bCs/>
            <w:color w:val="0000FF"/>
            <w:kern w:val="0"/>
            <w:sz w:val="36"/>
            <w:szCs w:val="36"/>
            <w:u w:val="single"/>
          </w:rPr>
          <w:t>习近平向全国各族少年儿童致以节日的祝贺</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在这次全国人民万众一心抗击新冠肺炎疫情的斗争中，广大少年儿童也经历了一段特殊时期，不仅亲眼目睹了中国人民众志成城、迎难而上的伟大壮举，而且听从党和政府号召、以实际行动支持抗疫斗争，展现了我国少年儿童的良好精神风貌。</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少年强则国强。当代中国少年儿童既是实现第一个百年奋斗目标的经历者、见证者，更是实现第二个百年奋斗目标、建设社会主义现代化强国的生力军。希望广大少年儿童刻苦学习知识，坚定理想信念，磨练坚强意志，锻炼强健体魄，为实现中华民族伟大复兴的中国梦时刻准备着。各级党委和政府、全社会都要关心关爱少年儿童，为少年儿童茁壮成长创造有利条件。共青团、少先队组织要着眼培养能够担当民族复兴大任的时代新人，顺应时代发展，不断改革创新，积极开展工作，为党的少年儿童事业作出新的更大的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44" w:tgtFrame="_blank" w:history="1">
        <w:r w:rsidRPr="00B2739F">
          <w:rPr>
            <w:rFonts w:ascii="微软雅黑" w:eastAsia="微软雅黑" w:hAnsi="微软雅黑" w:cs="宋体" w:hint="eastAsia"/>
            <w:b/>
            <w:bCs/>
            <w:color w:val="0000FF"/>
            <w:kern w:val="0"/>
            <w:sz w:val="36"/>
            <w:szCs w:val="36"/>
            <w:u w:val="single"/>
          </w:rPr>
          <w:t>习近平给北京科技大学全体巴基斯坦留学生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得知你们到中国留学以来，既学到了丰富知识，也结识了不少中国朋友，我为你们取得的成绩感到高兴。</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正如你们所感受到的，新冠肺炎疫情发生后，中国政府和学校始终关心在华外国留学生生命安全和身体健康，为大家提供了全方位的帮助。生命至上，不管是中国人还是在华外国人员，中国政府和中国人民都一视同仁予以关心和爱护。</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我了解到，在抗击疫情期间，很多留学生通过各种方式为中国人民加油鼓劲。患难见真情。中国将继续为所有在华外国留学生提供各种帮助。中国欢迎各国优秀青年来华学习深造，也希望大家多了解中国、多向世界讲讲你们所看到的中国，多同中国青年交流，同世界各国青年一道，携手为促进民心相通、推动构建人类命运共同体贡献力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45" w:tgtFrame="_blank" w:history="1">
        <w:r w:rsidRPr="00B2739F">
          <w:rPr>
            <w:rFonts w:ascii="微软雅黑" w:eastAsia="微软雅黑" w:hAnsi="微软雅黑" w:cs="宋体" w:hint="eastAsia"/>
            <w:b/>
            <w:bCs/>
            <w:color w:val="0000FF"/>
            <w:kern w:val="0"/>
            <w:sz w:val="36"/>
            <w:szCs w:val="36"/>
            <w:u w:val="single"/>
          </w:rPr>
          <w:t>习近平：把“西迁精神”一代代传承下去</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从黄浦江畔搬到渭水之滨，你们打起背包就出发，舍小家顾大家。交大西迁对整个国家和民族来讲、对西部发展战略布局来讲，意义都十分重大。他勉励广大师生不忘初心、牢记使命，继续发扬“西迁精神”，到祖国最需要的地方建功立业，把“西迁精神”一代代传承下去。</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46" w:tgtFrame="_blank" w:history="1">
        <w:r w:rsidRPr="00B2739F">
          <w:rPr>
            <w:rFonts w:ascii="微软雅黑" w:eastAsia="微软雅黑" w:hAnsi="微软雅黑" w:cs="宋体" w:hint="eastAsia"/>
            <w:b/>
            <w:bCs/>
            <w:color w:val="0000FF"/>
            <w:kern w:val="0"/>
            <w:sz w:val="36"/>
            <w:szCs w:val="36"/>
            <w:u w:val="single"/>
          </w:rPr>
          <w:t>习近平：孩子们要文明精神 野蛮体魄</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现在孩子普遍眼镜化，这是我的隐忧。还有身体的健康程度，由于体育锻炼少，有所下降。文明其精神，野蛮其体魄，我说的“野蛮其体魄”就是强身健体。</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47" w:tgtFrame="_blank" w:history="1">
        <w:r w:rsidRPr="00B2739F">
          <w:rPr>
            <w:rFonts w:ascii="微软雅黑" w:eastAsia="微软雅黑" w:hAnsi="微软雅黑" w:cs="宋体" w:hint="eastAsia"/>
            <w:b/>
            <w:bCs/>
            <w:color w:val="0000FF"/>
            <w:kern w:val="0"/>
            <w:sz w:val="36"/>
            <w:szCs w:val="36"/>
            <w:u w:val="single"/>
          </w:rPr>
          <w:t>习近平回信勉励北京大学援鄂医疗队全体“90后”党员 让青春在党和人民最需要的地方绽放绚丽之花</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在新冠肺炎疫情防控斗争中，你们青年人同在一线英勇奋战的广大疫情防控人员一道，不畏艰险、冲锋在前、舍生忘死，彰显了青春的蓬勃力量，交出了合格答卷。广大青年用行动证明，新时代的中国青年是好样的，是堪当大任的！</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青年一代有理想、有本领、有担当，国家就有前途，民族就有希望。希望你们努力在为人民服务中茁壮成长、在艰苦奋斗中砥砺意志品质、在实践中增长工作本领，继续在救死扶伤的岗位上拼搏奋战，带动广大青年不惧风雨、勇挑重担，让青春在党和人民最需要的地方绽放绚丽之花。</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48" w:tgtFrame="_blank" w:history="1">
        <w:r w:rsidRPr="00B2739F">
          <w:rPr>
            <w:rFonts w:ascii="微软雅黑" w:eastAsia="微软雅黑" w:hAnsi="微软雅黑" w:cs="宋体" w:hint="eastAsia"/>
            <w:b/>
            <w:bCs/>
            <w:color w:val="0000FF"/>
            <w:kern w:val="0"/>
            <w:sz w:val="36"/>
            <w:szCs w:val="36"/>
            <w:u w:val="single"/>
          </w:rPr>
          <w:t>习近平回信勉励在首钢医院实习的西藏大学医学院学生 到人民最需要的地方去 以仁心仁术造福人民特别是基层群众</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得知你们17名同学在北京进行临床实习期间，既锻炼了临床基本功，也坚定了献身西藏医疗卫生事业的信念，我很欣慰。</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医生是人民健康的守护者。在这次新冠肺炎疫情防控斗争中，军地广大医务工作者冲锋在前、英勇奋战，用行动诠释了白衣天使救死扶伤的崇高精神。我相信，你们一定会以他们为榜样，努力做党和人民信赖</w:t>
      </w:r>
      <w:r w:rsidRPr="00B2739F">
        <w:rPr>
          <w:rFonts w:ascii="微软雅黑" w:eastAsia="微软雅黑" w:hAnsi="微软雅黑" w:cs="宋体" w:hint="eastAsia"/>
          <w:color w:val="000000"/>
          <w:kern w:val="0"/>
          <w:sz w:val="27"/>
          <w:szCs w:val="27"/>
        </w:rPr>
        <w:lastRenderedPageBreak/>
        <w:t>的好医生。希望你们珍惜学习时光，练就过硬本领，毕业后到人民最需要的地方去，以仁心仁术造福人民特别是基层群众。</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藏历新年就要到了，我向你们以及藏区各族群众致以节日的问候和美好的祝愿！</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49" w:tgtFrame="_blank" w:history="1">
        <w:r w:rsidRPr="00B2739F">
          <w:rPr>
            <w:rFonts w:ascii="微软雅黑" w:eastAsia="微软雅黑" w:hAnsi="微软雅黑" w:cs="宋体" w:hint="eastAsia"/>
            <w:b/>
            <w:bCs/>
            <w:color w:val="0000FF"/>
            <w:kern w:val="0"/>
            <w:sz w:val="36"/>
            <w:szCs w:val="36"/>
            <w:u w:val="single"/>
          </w:rPr>
          <w:t>习近平复信美国犹他州小学生</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中国和美国一样，是很大的国家。中国有5000多年文明历史。中国人民和美国人民一样热情好客。汉语是世界上十几亿人使用的语言，通过学习汉语你们可以更多了解中国历史文化。很高兴看到你们的汉字写得这么好，汉语学得这么棒。希望你们继续加油，取得更大进步，做中美两国人民友谊的小使者。</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50" w:tgtFrame="_blank" w:history="1">
        <w:r w:rsidRPr="00B2739F">
          <w:rPr>
            <w:rFonts w:ascii="微软雅黑" w:eastAsia="微软雅黑" w:hAnsi="微软雅黑" w:cs="宋体" w:hint="eastAsia"/>
            <w:b/>
            <w:bCs/>
            <w:color w:val="0000FF"/>
            <w:kern w:val="0"/>
            <w:sz w:val="36"/>
            <w:szCs w:val="36"/>
            <w:u w:val="single"/>
          </w:rPr>
          <w:t>习近平给世界大学气候变化联盟的学生代表回信 期待同学们为呵护好全人类共同的地球家园积极作为</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40多年前，我在中国西部黄土高原上的一个小村庄劳动生活多年，当时那个地区的生态环境曾因过度开发而受到严重破坏，老百姓生活也陷于贫困。我从那时起就认识到，人与自然是生命共同体，对自然的伤害最终会伤及人类自己。我提出绿水青山就是金山银山，就是希望中国既加强自身生态文明建设，主动承担应对气候变化的国际责任，又同世界各国一道，努力呵护好全人类共同的地球家园。</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同学们都是世界知名高校的博士生，期待你们在这方面积极作为，也欢迎你们继续关注中国发展，给我们多提一些好的建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51" w:tgtFrame="_blank" w:history="1">
        <w:r w:rsidRPr="00B2739F">
          <w:rPr>
            <w:rFonts w:ascii="微软雅黑" w:eastAsia="微软雅黑" w:hAnsi="微软雅黑" w:cs="宋体" w:hint="eastAsia"/>
            <w:b/>
            <w:bCs/>
            <w:color w:val="0000FF"/>
            <w:kern w:val="0"/>
            <w:sz w:val="36"/>
            <w:szCs w:val="36"/>
            <w:u w:val="single"/>
          </w:rPr>
          <w:t>习近平视察澳门政府综合服务中心和英才学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今天这堂课意义非凡、有的放矢，抓住了历史的要点和教育的要害。要打牢爱国主义的基础，就要了解历史。作为一个中国人，一定要了解我们民族的历史。“腹有诗书气自华”。14亿中国人民凝聚力这么强，就是因为我们拥有博大精深的中华文化、中华精神，这是我们文化自信的源泉。了解我们5000年延续不绝的历史，就能自然形成强烈的民族自尊心和民族自豪感。了解鸦片战争以来的民族屈辱史，才能理解中国人民对于民族伟大复兴的强烈愿望。今年是新中国成立70周年，我们每个人都为新中国取得的辉煌成就感到自豪，更加坚定了对国家发展道路的信心。澳门回归祖国20年来发生了巨大变化，可谓“天翻地覆慨而慷”，这让澳门同胞更加懂得“一国两制”的根本在于“一国”，更加珍惜今天的良好局面，增强开创美好未来的决心。</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52" w:tgtFrame="_blank" w:history="1">
        <w:r w:rsidRPr="00B2739F">
          <w:rPr>
            <w:rFonts w:ascii="微软雅黑" w:eastAsia="微软雅黑" w:hAnsi="微软雅黑" w:cs="宋体" w:hint="eastAsia"/>
            <w:b/>
            <w:bCs/>
            <w:color w:val="0000FF"/>
            <w:kern w:val="0"/>
            <w:sz w:val="36"/>
            <w:szCs w:val="36"/>
            <w:u w:val="single"/>
          </w:rPr>
          <w:t>习近平寄语希望工程强调 把希望工程这项事业办得更好 让广大青少年充分感受到党的关怀和社会主义大家庭的温暖</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让青少年健康成长，是国家和民族的未来所系。进入新时代，共青团要把希望工程这项事业办得更好，努力为青少年提供新助力、播种新希望。全党全社会要继续关注和支持希望工程，让广大青少年都能充分</w:t>
      </w:r>
      <w:r w:rsidRPr="00B2739F">
        <w:rPr>
          <w:rFonts w:ascii="微软雅黑" w:eastAsia="微软雅黑" w:hAnsi="微软雅黑" w:cs="宋体" w:hint="eastAsia"/>
          <w:color w:val="000000"/>
          <w:kern w:val="0"/>
          <w:sz w:val="27"/>
          <w:szCs w:val="27"/>
        </w:rPr>
        <w:lastRenderedPageBreak/>
        <w:t>感受到党的关怀和社会主义大家庭的温暖，努力成长为社会主义建设者和接班人。</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53" w:tgtFrame="_blank" w:history="1">
        <w:r w:rsidRPr="00B2739F">
          <w:rPr>
            <w:rFonts w:ascii="微软雅黑" w:eastAsia="微软雅黑" w:hAnsi="微软雅黑" w:cs="宋体" w:hint="eastAsia"/>
            <w:b/>
            <w:bCs/>
            <w:color w:val="0000FF"/>
            <w:kern w:val="0"/>
            <w:sz w:val="36"/>
            <w:szCs w:val="36"/>
            <w:u w:val="single"/>
          </w:rPr>
          <w:t>习近平对我国选手在世界技能大赛取得佳绩作出重要指示强调：弘扬精益求精的工匠精神 激励广大青年走技能成才技能报国之路</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劳动者素质对一个国家、一个民族发展至关重要。技术工人队伍是支撑中国制造、中国创造的重要基础，对推动经济高质量发展具有重要作用。要健全技能人才培养、使用、评价、激励制度，大力发展技工教育，大规模开展职业技能培训，加快培养大批高素质劳动者和技术技能人才。要在全社会弘扬精益求精的工匠精神，激励广大青年走技能成才、技能报国之路。</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54" w:tgtFrame="_blank" w:history="1">
        <w:r w:rsidRPr="00B2739F">
          <w:rPr>
            <w:rFonts w:ascii="微软雅黑" w:eastAsia="微软雅黑" w:hAnsi="微软雅黑" w:cs="宋体" w:hint="eastAsia"/>
            <w:b/>
            <w:bCs/>
            <w:color w:val="0000FF"/>
            <w:kern w:val="0"/>
            <w:sz w:val="36"/>
            <w:szCs w:val="36"/>
            <w:u w:val="single"/>
          </w:rPr>
          <w:t>习近平回信寄语全国涉农高校广大师生：以立德树人为根本 以强农兴农为己任</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中国现代化离不开农业农村现代化，农业农村现代化关键在科技、在人才。新时代，农村是充满希望的田野，是干事创业的广阔舞台，我国高等农林教育大有可为。希望你们继续以立德树人为根本，以强农兴农为己任，拿出更多科技成果，培养更多知农爱农新型人才，为推进农业农村现代化、确保国家粮食安全、提高亿万农民生活水平和思想道德素质、促进山水林田湖草系统治理，为打赢脱贫攻坚战、推进乡村全面振兴不断作出新的更大的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55" w:tgtFrame="_blank" w:history="1">
        <w:r w:rsidRPr="00B2739F">
          <w:rPr>
            <w:rFonts w:ascii="微软雅黑" w:eastAsia="微软雅黑" w:hAnsi="微软雅黑" w:cs="宋体" w:hint="eastAsia"/>
            <w:b/>
            <w:bCs/>
            <w:color w:val="0000FF"/>
            <w:kern w:val="0"/>
            <w:sz w:val="36"/>
            <w:szCs w:val="36"/>
            <w:u w:val="single"/>
          </w:rPr>
          <w:t>习近平：有了广泛群众基础，足球水平一定能提高</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体育运动要从娃娃抓起，德智体美劳要全面发展。如果像这样偏远地区的小朋友也经常踢足球，足球运动就有了广泛群众基础，中国足球就一定能够冲出亚洲、走向世界。</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56" w:tgtFrame="_blank" w:history="1">
        <w:r w:rsidRPr="00B2739F">
          <w:rPr>
            <w:rFonts w:ascii="微软雅黑" w:eastAsia="微软雅黑" w:hAnsi="微软雅黑" w:cs="宋体" w:hint="eastAsia"/>
            <w:b/>
            <w:bCs/>
            <w:color w:val="0000FF"/>
            <w:kern w:val="0"/>
            <w:sz w:val="36"/>
            <w:szCs w:val="36"/>
            <w:u w:val="single"/>
          </w:rPr>
          <w:t>习近平考察山丹培黎学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西北地区因自然条件限制，发展相对落后。区域之间发展条件有差异，但在机会公平上不能有差别。要解决这个问题，关键是要发展教育，特别是职业教育。我国经济要靠实体经济作支撑，这就需要大量专业技术人才，需要大批大国工匠。因此职业教育大有可为。三百六十行，行行出状元。希望你们继承优良传统，与时俱进，大有前途。我支持你们！</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57" w:tgtFrame="_blank" w:history="1">
        <w:r w:rsidRPr="00B2739F">
          <w:rPr>
            <w:rFonts w:ascii="微软雅黑" w:eastAsia="微软雅黑" w:hAnsi="微软雅黑" w:cs="宋体" w:hint="eastAsia"/>
            <w:b/>
            <w:bCs/>
            <w:color w:val="0000FF"/>
            <w:kern w:val="0"/>
            <w:sz w:val="36"/>
            <w:szCs w:val="36"/>
            <w:u w:val="single"/>
          </w:rPr>
          <w:t>习近平回信勉励北京体育大学研究生冠军班学生 为建设体育强国多作贡献 为社会传递更多正能量</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我看过你们不少比赛，每当看到我国体育健儿在重大国际赛事上顽强拼搏、勇创佳绩、为国争光时，我从心里面为大家喝彩。新时代的中国，更需要使命在肩、奋斗有我的精神。希望你们继续带头拼、加油干，为建设体育强国多作贡献，为社会传递更多正能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58" w:tgtFrame="_blank" w:history="1">
        <w:r w:rsidRPr="00B2739F">
          <w:rPr>
            <w:rFonts w:ascii="微软雅黑" w:eastAsia="微软雅黑" w:hAnsi="微软雅黑" w:cs="宋体" w:hint="eastAsia"/>
            <w:b/>
            <w:bCs/>
            <w:color w:val="0000FF"/>
            <w:kern w:val="0"/>
            <w:sz w:val="36"/>
            <w:szCs w:val="36"/>
            <w:u w:val="single"/>
          </w:rPr>
          <w:t>习近平回信勉励澳门少年儿童 祝全国小朋友们“六一”国际儿童节快乐</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我经常想起《七子之歌》，歌中表达的游子对回到母亲怀抱的渴望十分感人。回归祖国20年来，澳门发展日新月异，澳门同胞工作生活越来越好。祖国是澳门的坚强依靠，你们从小就懂得这个道理，我十分欣慰。</w:t>
      </w:r>
      <w:r w:rsidRPr="00B2739F">
        <w:rPr>
          <w:rFonts w:ascii="微软雅黑" w:eastAsia="微软雅黑" w:hAnsi="微软雅黑" w:cs="宋体" w:hint="eastAsia"/>
          <w:color w:val="000000"/>
          <w:kern w:val="0"/>
          <w:sz w:val="27"/>
          <w:szCs w:val="27"/>
        </w:rPr>
        <w:br/>
        <w:t>你们是祖国的花朵，是澳门的未来。希望同学们不辜负杜岚老校长的期望，传承好爱国爱澳优良传统，珍惜时光，刻苦学习，健康成长，长大后为建设澳门、振兴中华多作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59" w:tgtFrame="_blank" w:history="1">
        <w:r w:rsidRPr="00B2739F">
          <w:rPr>
            <w:rFonts w:ascii="微软雅黑" w:eastAsia="微软雅黑" w:hAnsi="微软雅黑" w:cs="宋体" w:hint="eastAsia"/>
            <w:b/>
            <w:bCs/>
            <w:color w:val="0000FF"/>
            <w:kern w:val="0"/>
            <w:sz w:val="36"/>
            <w:szCs w:val="36"/>
            <w:u w:val="single"/>
          </w:rPr>
          <w:t>习近平向国际人工智能与教育大会致贺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中国高度重视人工智能对教育的深刻影响，积极推动人工智能和教育深度融合，促进教育变革创新，充分发挥人工智能优势，加快发展伴随每个人一生的教育、平等面向每个人的教育、适合每个人的教育、更加开放灵活的教育。中国愿同世界各国一道，聚焦人工智能发展前沿问题，深入探讨人工智能快速发展条件下教育发展创新的思路和举措，凝聚共识、深化合作、扩大共享，携手推动构建人类命运共同体。</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60" w:tgtFrame="_blank" w:history="1">
        <w:r w:rsidRPr="00B2739F">
          <w:rPr>
            <w:rFonts w:ascii="微软雅黑" w:eastAsia="微软雅黑" w:hAnsi="微软雅黑" w:cs="宋体" w:hint="eastAsia"/>
            <w:b/>
            <w:bCs/>
            <w:color w:val="0000FF"/>
            <w:kern w:val="0"/>
            <w:sz w:val="36"/>
            <w:szCs w:val="36"/>
            <w:u w:val="single"/>
          </w:rPr>
          <w:t>习近平给老挝中老友好农冰村小学全体师生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希望同学们好好学习，早日成长为国家栋梁，成为中老友好接班人。祝中老友好农冰村小学越办越好。</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61" w:tgtFrame="_blank" w:history="1">
        <w:r w:rsidRPr="00B2739F">
          <w:rPr>
            <w:rFonts w:ascii="微软雅黑" w:eastAsia="微软雅黑" w:hAnsi="微软雅黑" w:cs="宋体" w:hint="eastAsia"/>
            <w:b/>
            <w:bCs/>
            <w:color w:val="0000FF"/>
            <w:kern w:val="0"/>
            <w:sz w:val="36"/>
            <w:szCs w:val="36"/>
            <w:u w:val="single"/>
          </w:rPr>
          <w:t>习近平：在纪念五四运动100周年大会上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新时代中国青年要增强学习紧迫感，如饥似渴、孜孜不倦学习，努力学习马克思主义立场观点方法，努力掌握科学文化知识和专业技能，努力提高人文素养，在学习中增长知识、锤炼品格，在工作中增长才干、练就本领，以真才实学服务人民，以创新创造贡献国家！</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62" w:tgtFrame="_blank" w:history="1">
        <w:r w:rsidRPr="00B2739F">
          <w:rPr>
            <w:rFonts w:ascii="微软雅黑" w:eastAsia="微软雅黑" w:hAnsi="微软雅黑" w:cs="宋体" w:hint="eastAsia"/>
            <w:b/>
            <w:bCs/>
            <w:color w:val="0000FF"/>
            <w:kern w:val="0"/>
            <w:sz w:val="36"/>
            <w:szCs w:val="36"/>
            <w:u w:val="single"/>
          </w:rPr>
          <w:t>习近平在重庆考察并主持召开解决“两不愁三保障”突出问题座谈会</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两不愁三保障”，很重要的一条就是义务教育要有保障。再苦不能苦孩子，再穷不能穷教育。要保证贫困山区的孩子上学受教育，有一个幸福快乐的童年。</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63" w:tgtFrame="_blank" w:history="1">
        <w:r w:rsidRPr="00B2739F">
          <w:rPr>
            <w:rFonts w:ascii="微软雅黑" w:eastAsia="微软雅黑" w:hAnsi="微软雅黑" w:cs="宋体" w:hint="eastAsia"/>
            <w:b/>
            <w:bCs/>
            <w:color w:val="0000FF"/>
            <w:kern w:val="0"/>
            <w:sz w:val="36"/>
            <w:szCs w:val="36"/>
            <w:u w:val="single"/>
          </w:rPr>
          <w:t>习近平：用新时代中国特色社会主义思想铸魂育人 贯彻党的教育方针落实立德树人根本任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办好思想政治理论课，最根本的是要全面贯彻党的教育方针，解决好培养什么人、怎样培养人、为谁培养人这个根本问题。新时代贯彻党的教育方针，要坚持马克思主义指导地位，贯彻新时代中国特色社会主义思想，坚持社会主义办学方向，落实立德树人的根本任务，坚持教育为人民服务、为中国共产党治国理政服务、为巩固和发展中国特色社会主义制度服务、为改革开放和社会主义现代化建设服务，扎根中国大地办教育，同生产劳动和社会实践相结合，加快推进教育现代化、建设教育强国、办好人民满意的教育，努力培养担当民族复兴大任的时代新人，培养德智体美劳全面发展的社会主义建设者和接班人。</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64" w:tgtFrame="_blank" w:history="1">
        <w:r w:rsidRPr="00B2739F">
          <w:rPr>
            <w:rFonts w:ascii="微软雅黑" w:eastAsia="微软雅黑" w:hAnsi="微软雅黑" w:cs="宋体" w:hint="eastAsia"/>
            <w:b/>
            <w:bCs/>
            <w:color w:val="0000FF"/>
            <w:kern w:val="0"/>
            <w:sz w:val="36"/>
            <w:szCs w:val="36"/>
            <w:u w:val="single"/>
          </w:rPr>
          <w:t>习近平主席给意大利罗马国立住读学校师生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你们学校成功开办中文国际理科高中，培养了一批有志于中意友好事业的青年。同学们在信中介绍，通过孔子课堂项目有机会近距离了解中国，看到了世界的广阔与多元文化的价值。这是你们通过学习实践得来的收获。你们立志促进中意青年思想对话和文化交流，促进中意人民友谊，我对此十分赞赏。希望你们做新时代的马可·波罗，成为中意文化交流的使者。</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65" w:tgtFrame="_blank" w:history="1">
        <w:r w:rsidRPr="00B2739F">
          <w:rPr>
            <w:rFonts w:ascii="微软雅黑" w:eastAsia="微软雅黑" w:hAnsi="微软雅黑" w:cs="宋体" w:hint="eastAsia"/>
            <w:b/>
            <w:bCs/>
            <w:color w:val="0000FF"/>
            <w:kern w:val="0"/>
            <w:sz w:val="36"/>
            <w:szCs w:val="36"/>
            <w:u w:val="single"/>
          </w:rPr>
          <w:t>习近平：提高防控能力着力防范化解重大风险 保持经济持续健康发展社会大局稳定</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高度重视对青年一代的思想政治工作，完善思想政治工作体系，不断创新思想政治工作内容和形式，教育引导广大青年形成正确的世界观、人生观、价值观，增强中国特色社会主义道路、理论、制度、文化自信，确保青年一代成为社会主义建设者和接班人。</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66" w:tgtFrame="_blank" w:history="1">
        <w:r w:rsidRPr="00B2739F">
          <w:rPr>
            <w:rFonts w:ascii="微软雅黑" w:eastAsia="微软雅黑" w:hAnsi="微软雅黑" w:cs="宋体" w:hint="eastAsia"/>
            <w:b/>
            <w:bCs/>
            <w:color w:val="0000FF"/>
            <w:kern w:val="0"/>
            <w:sz w:val="36"/>
            <w:szCs w:val="36"/>
            <w:u w:val="single"/>
          </w:rPr>
          <w:t>习近平在京津冀三省市考察并主持召开京津冀协同发展座谈会</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学校是立德树人的地方。爱国主义是中华民族的民族心、民族魂，培养社会主义建设者和接班人，首先要培养学生的爱国情怀。高校党组织要把抓好学校党建工作和思想政治工作作为办学治校的基本功。</w:t>
      </w:r>
      <w:r w:rsidRPr="00B2739F">
        <w:rPr>
          <w:rFonts w:ascii="微软雅黑" w:eastAsia="微软雅黑" w:hAnsi="微软雅黑" w:cs="宋体" w:hint="eastAsia"/>
          <w:color w:val="000000"/>
          <w:kern w:val="0"/>
          <w:sz w:val="27"/>
          <w:szCs w:val="27"/>
        </w:rPr>
        <w:br/>
        <w:t>专家型教师队伍是大学的核心竞争力。要把建设政治素质过硬、业务能力精湛、育人水平高超的高素质教师队伍作为大学建设的基础性工作，</w:t>
      </w:r>
      <w:r w:rsidRPr="00B2739F">
        <w:rPr>
          <w:rFonts w:ascii="微软雅黑" w:eastAsia="微软雅黑" w:hAnsi="微软雅黑" w:cs="宋体" w:hint="eastAsia"/>
          <w:color w:val="000000"/>
          <w:kern w:val="0"/>
          <w:sz w:val="27"/>
          <w:szCs w:val="27"/>
        </w:rPr>
        <w:lastRenderedPageBreak/>
        <w:t>始终抓紧抓好。</w:t>
      </w:r>
      <w:r w:rsidRPr="00B2739F">
        <w:rPr>
          <w:rFonts w:ascii="微软雅黑" w:eastAsia="微软雅黑" w:hAnsi="微软雅黑" w:cs="宋体" w:hint="eastAsia"/>
          <w:color w:val="000000"/>
          <w:kern w:val="0"/>
          <w:sz w:val="27"/>
          <w:szCs w:val="27"/>
        </w:rPr>
        <w:br/>
        <w:t>要加快一流大学和一流学科建设，加强基础研究，力争在原始创新和自主创新上出更多成果，勇攀世界科技高峰。</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67" w:tgtFrame="_blank" w:history="1">
        <w:r w:rsidRPr="00B2739F">
          <w:rPr>
            <w:rFonts w:ascii="微软雅黑" w:eastAsia="微软雅黑" w:hAnsi="微软雅黑" w:cs="宋体" w:hint="eastAsia"/>
            <w:b/>
            <w:bCs/>
            <w:color w:val="0000FF"/>
            <w:kern w:val="0"/>
            <w:sz w:val="36"/>
            <w:szCs w:val="36"/>
            <w:u w:val="single"/>
          </w:rPr>
          <w:t>习近平：高举新时代改革开放旗帜 把改革开放不断推向深入</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习近平同暨南大学部分港澳台同胞和海外侨胞学生交流，鼓励他们好好学习，将来为社会作出贡献。</w:t>
      </w:r>
      <w:r w:rsidRPr="00B2739F">
        <w:rPr>
          <w:rFonts w:ascii="微软雅黑" w:eastAsia="微软雅黑" w:hAnsi="微软雅黑" w:cs="宋体" w:hint="eastAsia"/>
          <w:color w:val="000000"/>
          <w:kern w:val="0"/>
          <w:sz w:val="27"/>
          <w:szCs w:val="27"/>
        </w:rPr>
        <w:br/>
        <w:t>习近平希望暨南大学认真贯彻全国教育大会精神，坚持自己的办学特色，把学校办得更好，为海外侨胞回祖国学习、传承中华文化创造更好条件。</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68" w:tgtFrame="_blank" w:history="1">
        <w:r w:rsidRPr="00B2739F">
          <w:rPr>
            <w:rFonts w:ascii="微软雅黑" w:eastAsia="微软雅黑" w:hAnsi="微软雅黑" w:cs="宋体" w:hint="eastAsia"/>
            <w:b/>
            <w:bCs/>
            <w:color w:val="0000FF"/>
            <w:kern w:val="0"/>
            <w:sz w:val="36"/>
            <w:szCs w:val="36"/>
            <w:u w:val="single"/>
          </w:rPr>
          <w:t>习近平致西藏民族大学建校60周年的贺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希望你们全面贯彻落实新时代中国特色社会主义思想和党的十九大精神，紧紧围绕培养什么样的人、怎么培养人、为谁培养人这一根本问题，培育和弘扬社会主义核心价值观，提高教育教学水平，贯彻党的民族政策和宗教政策，加强民族团结进步教育，传承中华优秀传统文化，自觉维护民族团结，全面推进学校各项工作，努力培养德智体美劳全面发展的社会主义建设者和接班人，为推动西藏经济社会发展，为实现“两个一百年”奋斗目标、实现中华民族伟大复兴的中国梦作出新的更大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69" w:tgtFrame="_blank" w:history="1">
        <w:r w:rsidRPr="00B2739F">
          <w:rPr>
            <w:rFonts w:ascii="微软雅黑" w:eastAsia="微软雅黑" w:hAnsi="微软雅黑" w:cs="宋体" w:hint="eastAsia"/>
            <w:b/>
            <w:bCs/>
            <w:color w:val="0000FF"/>
            <w:kern w:val="0"/>
            <w:sz w:val="36"/>
            <w:szCs w:val="36"/>
            <w:u w:val="single"/>
          </w:rPr>
          <w:t>习近平：坚持中国特色社会主义教育发展道路 培养德智体美劳全面发展的社会主义建设者和接班人</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在党的坚强领导下，全面贯彻党的教育方针，坚持马克思主义指导地位，坚持中国特色社会主义教育发展道路，坚持社会主义办学方向，立足基本国情，遵循教育规律，坚持改革创新，以凝聚人心、完善人格、开发人力、培育人才、造福人民为工作目标，培养德智体美劳全面发展的社会主义建设者和接班人，加快推进教育现代化、建设教育强国、办好人民满意的教育。</w:t>
      </w:r>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长期以来，广大教师贯彻党的教育方针，教书育人，呕心沥血，默默奉献，为国家发展和民族振兴作出了重大贡献。教师是人类灵魂的工程师，是人类文明的传承者，承载着传播知识、传播思想、传播真理，塑造灵魂、塑造生命、塑造新人的时代重任。全党全社会要弘扬尊师重教的社会风尚，努力提高教师政治地位、社会地位、职业地位，让广大教师享有应有的社会声望，在教书育人岗位上为党和人民事业作出新的更大的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70" w:tgtFrame="_blank" w:history="1">
        <w:r w:rsidRPr="00B2739F">
          <w:rPr>
            <w:rFonts w:ascii="微软雅黑" w:eastAsia="微软雅黑" w:hAnsi="微软雅黑" w:cs="宋体" w:hint="eastAsia"/>
            <w:b/>
            <w:bCs/>
            <w:color w:val="0000FF"/>
            <w:kern w:val="0"/>
            <w:sz w:val="36"/>
            <w:szCs w:val="36"/>
            <w:u w:val="single"/>
          </w:rPr>
          <w:t>习近平给中央美术学院老教授的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美术教育是美育的重要组成部分，对塑造美好心灵具有重要作用。你们提出加强美育工作，很有必要。做好美育工作，要坚持立德树人，扎根时代生活，遵循美育特点，弘扬中华美育精神，让祖国青年一代身心都健康成长。</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71" w:tgtFrame="_blank" w:history="1">
        <w:r w:rsidRPr="00B2739F">
          <w:rPr>
            <w:rFonts w:ascii="微软雅黑" w:eastAsia="微软雅黑" w:hAnsi="微软雅黑" w:cs="宋体" w:hint="eastAsia"/>
            <w:b/>
            <w:bCs/>
            <w:color w:val="0000FF"/>
            <w:kern w:val="0"/>
            <w:sz w:val="36"/>
            <w:szCs w:val="36"/>
            <w:u w:val="single"/>
          </w:rPr>
          <w:t>习近平给参加“一带一路”青年创意与遗产论坛的青年代表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青年是国家的未来，中非青年是中非友好的未来。希望你们加强文化交流、心灵沟通，继续关注并积极参与共建“一带一路”，支持中非团结合作，同26亿中非人民一道，为传承中非传统友谊作出贡献，为携手打造更加紧密的中非命运共同体、构建人类命运共同体作出自己的努力。</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72" w:tgtFrame="_blank" w:history="1">
        <w:r w:rsidRPr="00B2739F">
          <w:rPr>
            <w:rFonts w:ascii="微软雅黑" w:eastAsia="微软雅黑" w:hAnsi="微软雅黑" w:cs="宋体" w:hint="eastAsia"/>
            <w:b/>
            <w:bCs/>
            <w:color w:val="0000FF"/>
            <w:kern w:val="0"/>
            <w:sz w:val="36"/>
            <w:szCs w:val="36"/>
            <w:u w:val="single"/>
          </w:rPr>
          <w:t>习近平：共同呵护好孩子的眼睛 让他们拥有一个光明的未来</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结合深化教育改革，拿出有效的综合防治方案，并督促各地区、各有关部门抓好落实。习近平强调，全社会都要行动起来，共同呵护好孩子的眼睛，让他们拥有一个光明的未来。</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73" w:tgtFrame="_blank" w:history="1">
        <w:r w:rsidRPr="00B2739F">
          <w:rPr>
            <w:rFonts w:ascii="微软雅黑" w:eastAsia="微软雅黑" w:hAnsi="微软雅黑" w:cs="宋体" w:hint="eastAsia"/>
            <w:b/>
            <w:bCs/>
            <w:color w:val="0000FF"/>
            <w:kern w:val="0"/>
            <w:sz w:val="36"/>
            <w:szCs w:val="36"/>
            <w:u w:val="single"/>
          </w:rPr>
          <w:t>习近平主持召开中央全面深化改革委员会第二次会议指出 清理规范高校所属企业 促进高校集中精力办学</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高等学校所属企业体制改革，要坚持国有资产管理体制改革方向，尊重教育规律和市场经济规律，对高校所属企业进行全面清理规范，理清产权和责任关系，分类实施改革工作，促进高校集中精力办学、实现内涵式发展。</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74" w:tgtFrame="_blank" w:history="1">
        <w:r w:rsidRPr="00B2739F">
          <w:rPr>
            <w:rFonts w:ascii="微软雅黑" w:eastAsia="微软雅黑" w:hAnsi="微软雅黑" w:cs="宋体" w:hint="eastAsia"/>
            <w:b/>
            <w:bCs/>
            <w:color w:val="0000FF"/>
            <w:kern w:val="0"/>
            <w:sz w:val="36"/>
            <w:szCs w:val="36"/>
            <w:u w:val="single"/>
          </w:rPr>
          <w:t>习近平勉励中国政法大学民商经济法学院1502班团员青年 用一生来践行跟党走的理想追求</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中共中央总书记、国家主席、中央军委主席习近平委托工作人员，向中国政法大学民商经济法学院1502班团员青年致以节日的问候，对同学们立志“不忘初心，用一生来践行跟党走的理想追求”予以充分肯定，勉励他们坚定信仰、砥砺品德，珍惜时光、勤奋学习，努力成长为有理想、有本领、有担当的社会主义建设者和接班人，为法治中国建设、为实现中华民族伟大复兴中国梦贡献智慧和力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75" w:tgtFrame="_blank" w:history="1">
        <w:r w:rsidRPr="00B2739F">
          <w:rPr>
            <w:rFonts w:ascii="微软雅黑" w:eastAsia="微软雅黑" w:hAnsi="微软雅黑" w:cs="宋体" w:hint="eastAsia"/>
            <w:b/>
            <w:bCs/>
            <w:color w:val="0000FF"/>
            <w:kern w:val="0"/>
            <w:sz w:val="36"/>
            <w:szCs w:val="36"/>
            <w:u w:val="single"/>
          </w:rPr>
          <w:t>习近平给陕西照金北梁红军小学学生的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希望你们多了解中国革命、建设、改革的历史知识，多向英雄模范人物学习，热爱党、热爱祖国、热爱人民，用实际行动把红色基因一代代传下去。希望你们怀着一颗感恩的心，珍惜时光，努力学习，将来做对国家、对人民、对社会有用的人。</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76" w:tgtFrame="_blank" w:history="1">
        <w:r w:rsidRPr="00B2739F">
          <w:rPr>
            <w:rFonts w:ascii="微软雅黑" w:eastAsia="微软雅黑" w:hAnsi="微软雅黑" w:cs="宋体" w:hint="eastAsia"/>
            <w:b/>
            <w:bCs/>
            <w:color w:val="0000FF"/>
            <w:kern w:val="0"/>
            <w:sz w:val="36"/>
            <w:szCs w:val="36"/>
            <w:u w:val="single"/>
          </w:rPr>
          <w:t>习近平在北京大学师生座谈会上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教育兴则国家兴，教育强则国家强。高等教育是一个国家发展水平和发展潜力的重要标志。今天，党和国家事业发展对高等教育的需要，对科学知识和优秀人才的需要，比以往任何时候都更为迫切。我在党的十九大报告中提出要“加快一流大学和一流学科建设，实现高等教育内涵式发展”。当前，我国高等教育办学规模和年毕业人数已居世界首位，但规模扩张并不意味着质量和效益增长，走内涵式发展道路是我国高等教育发展的必由之路。</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77" w:tgtFrame="_blank" w:history="1">
        <w:r w:rsidRPr="00B2739F">
          <w:rPr>
            <w:rFonts w:ascii="微软雅黑" w:eastAsia="微软雅黑" w:hAnsi="微软雅黑" w:cs="宋体" w:hint="eastAsia"/>
            <w:b/>
            <w:bCs/>
            <w:color w:val="0000FF"/>
            <w:kern w:val="0"/>
            <w:sz w:val="36"/>
            <w:szCs w:val="36"/>
            <w:u w:val="single"/>
          </w:rPr>
          <w:t>习近平给中国劳动关系学院劳模本科班学员的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社会主义是干出来的，新时代也是干出来的。希望你们珍惜荣誉、努力学习，在各自岗位上继续拼搏、再创佳绩，用你们的干劲、闯劲、钻劲鼓舞更多的人，激励广大劳动群众争做新时代的奋斗者。</w:t>
      </w:r>
    </w:p>
    <w:p w:rsidR="00661AD2"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78" w:tgtFrame="_blank" w:history="1">
        <w:r w:rsidRPr="00B2739F">
          <w:rPr>
            <w:rFonts w:ascii="微软雅黑" w:eastAsia="微软雅黑" w:hAnsi="微软雅黑" w:cs="宋体" w:hint="eastAsia"/>
            <w:b/>
            <w:bCs/>
            <w:color w:val="0000FF"/>
            <w:kern w:val="0"/>
            <w:sz w:val="36"/>
            <w:szCs w:val="36"/>
            <w:u w:val="single"/>
          </w:rPr>
          <w:t>习近平给莫斯科大学中国留学生的回信</w:t>
        </w:r>
      </w:hyperlink>
    </w:p>
    <w:p w:rsidR="00B2739F" w:rsidRPr="00661AD2" w:rsidRDefault="00B2739F" w:rsidP="00B65A79">
      <w:pPr>
        <w:widowControl/>
        <w:spacing w:before="100" w:beforeAutospacing="1" w:after="100" w:afterAutospacing="1"/>
        <w:ind w:firstLineChars="200" w:firstLine="540"/>
        <w:jc w:val="left"/>
        <w:outlineLvl w:val="1"/>
        <w:rPr>
          <w:rFonts w:ascii="微软雅黑" w:eastAsia="微软雅黑" w:hAnsi="微软雅黑" w:cs="宋体" w:hint="eastAsia"/>
          <w:b/>
          <w:bCs/>
          <w:color w:val="000000"/>
          <w:kern w:val="0"/>
          <w:sz w:val="36"/>
          <w:szCs w:val="36"/>
        </w:rPr>
      </w:pPr>
      <w:r w:rsidRPr="00B2739F">
        <w:rPr>
          <w:rFonts w:ascii="微软雅黑" w:eastAsia="微软雅黑" w:hAnsi="微软雅黑" w:cs="宋体" w:hint="eastAsia"/>
          <w:color w:val="000000"/>
          <w:kern w:val="0"/>
          <w:sz w:val="27"/>
          <w:szCs w:val="27"/>
        </w:rPr>
        <w:t>青年一代有理想、有本领、有担当，国家就有前途，民族就有希望。实现中华民族伟大复兴的中国梦，离不开一代代青年的接力奋斗。希望你们弘扬留学报国的光荣传统，胸怀大志，刻苦学习，早日成长为可堪大任的优秀人才，把学到的本领奉献给祖国和人民，让青春之光闪耀在为梦想奋斗的道路上。</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79" w:tgtFrame="_blank" w:history="1">
        <w:r w:rsidRPr="00B2739F">
          <w:rPr>
            <w:rFonts w:ascii="微软雅黑" w:eastAsia="微软雅黑" w:hAnsi="微软雅黑" w:cs="宋体" w:hint="eastAsia"/>
            <w:b/>
            <w:bCs/>
            <w:color w:val="0000FF"/>
            <w:kern w:val="0"/>
            <w:sz w:val="36"/>
            <w:szCs w:val="36"/>
            <w:u w:val="single"/>
          </w:rPr>
          <w:t>习近平给南南合作与发展学院首届硕士毕业生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促进公平、包容、可持续发展是大家的共同心愿。这正是中国倡导建立南南学院的初衷。南南合作是发展中国家联合自强、应对挑战的伟大事业。中国将发挥好南南学院的平台作用，推动开展南南合作，促进广大发展中国家共同走上发展繁荣之路。</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80" w:tgtFrame="_blank" w:history="1">
        <w:r w:rsidRPr="00B2739F">
          <w:rPr>
            <w:rFonts w:ascii="微软雅黑" w:eastAsia="微软雅黑" w:hAnsi="微软雅黑" w:cs="宋体" w:hint="eastAsia"/>
            <w:b/>
            <w:bCs/>
            <w:color w:val="0000FF"/>
            <w:kern w:val="0"/>
            <w:sz w:val="36"/>
            <w:szCs w:val="36"/>
            <w:u w:val="single"/>
          </w:rPr>
          <w:t>习近平总书记在十九大报告中指出：优先发展教育事业</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建设教育强国是中华民族伟大复兴的基础工程，必须把教育事业放在优先位置，加快教育现代化，办好人民满意的教育。要全面贯彻党的教育方针，落实立德树人根本任务，发展素质教育，推进教育公平，培养德智体美全面发展的社会主义建设者和接班人。推动城乡义务教育一体化发展，高度重视农村义务教育，办好学前教育、特殊教育和网络教育，普及高中阶段教育，努力让每个孩子都能享有公平而有质量的教育。完善职业教育和培训体系，深化产教融合、校企合作。加快一流大学和一流学科建设，实现高等教育内涵式发展。健全学生资助制度，使绝大多数城乡新增劳动力接受高中阶段教育、更多接受高等教育。支持和规范社会力量兴办教育。加强师德师风建设，培养高素质教师队伍，倡导全社会尊师重教。办好继续教育，加快建设学习型社会，大力提高国民素质。</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81" w:tgtFrame="_blank" w:history="1">
        <w:r w:rsidRPr="00B2739F">
          <w:rPr>
            <w:rFonts w:ascii="微软雅黑" w:eastAsia="微软雅黑" w:hAnsi="微软雅黑" w:cs="宋体" w:hint="eastAsia"/>
            <w:b/>
            <w:bCs/>
            <w:color w:val="0000FF"/>
            <w:kern w:val="0"/>
            <w:sz w:val="36"/>
            <w:szCs w:val="36"/>
            <w:u w:val="single"/>
          </w:rPr>
          <w:t>习近平致信祝贺中国人民大学建校80周年</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当前，党和国家事业正处在一个关键时期，我们对高等教育的需要比以往任何时候都更加迫切，对科学知识和卓越人才的渴求比以往任何时候都更加强烈。</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82" w:tgtFrame="_blank" w:history="1">
        <w:r w:rsidRPr="00B2739F">
          <w:rPr>
            <w:rFonts w:ascii="微软雅黑" w:eastAsia="微软雅黑" w:hAnsi="微软雅黑" w:cs="宋体" w:hint="eastAsia"/>
            <w:b/>
            <w:bCs/>
            <w:color w:val="0000FF"/>
            <w:kern w:val="0"/>
            <w:sz w:val="36"/>
            <w:szCs w:val="36"/>
            <w:u w:val="single"/>
          </w:rPr>
          <w:t>习近平回信勉励南开大学新入伍大学生</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自古以来，我国文人志士多有投笔从戎的家国情怀。抗战时期，许多南开学子就主动奔赴沙场，用鲜血和生命诠释了爱国、奉献的精神内</w:t>
      </w:r>
      <w:r w:rsidRPr="00B2739F">
        <w:rPr>
          <w:rFonts w:ascii="微软雅黑" w:eastAsia="微软雅黑" w:hAnsi="微软雅黑" w:cs="宋体" w:hint="eastAsia"/>
          <w:color w:val="000000"/>
          <w:kern w:val="0"/>
          <w:sz w:val="27"/>
          <w:szCs w:val="27"/>
        </w:rPr>
        <w:lastRenderedPageBreak/>
        <w:t>涵。如今，你们响应祖国召唤参军入伍，把爱国之心化为报国之行，为广大有志青年树立了新的榜样。</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83" w:tgtFrame="_blank" w:history="1">
        <w:r w:rsidRPr="00B2739F">
          <w:rPr>
            <w:rFonts w:ascii="微软雅黑" w:eastAsia="微软雅黑" w:hAnsi="微软雅黑" w:cs="宋体" w:hint="eastAsia"/>
            <w:b/>
            <w:bCs/>
            <w:color w:val="0000FF"/>
            <w:kern w:val="0"/>
            <w:sz w:val="36"/>
            <w:szCs w:val="36"/>
            <w:u w:val="single"/>
          </w:rPr>
          <w:t>习近平同俄罗斯总统普京分别向深圳北理莫斯科大学开学典礼致贺辞</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教育是国家发展进步的重要推动力，也是促进各国人民交流合作的重要纽带。近年来，中俄教育合作深入发展，两国高等院校交流更加密切，为增进两国和两国人民相互了解和友谊、推动中俄全面战略协作伙伴关系高水平发展发挥了积极作用。 </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84" w:tgtFrame="_blank" w:history="1">
        <w:r w:rsidRPr="00B2739F">
          <w:rPr>
            <w:rFonts w:ascii="微软雅黑" w:eastAsia="微软雅黑" w:hAnsi="微软雅黑" w:cs="宋体" w:hint="eastAsia"/>
            <w:b/>
            <w:bCs/>
            <w:color w:val="0000FF"/>
            <w:kern w:val="0"/>
            <w:sz w:val="36"/>
            <w:szCs w:val="36"/>
            <w:u w:val="single"/>
          </w:rPr>
          <w:t>习近平回信勉励第三届中国“互联网＋”大学生创新创业大赛“青年红色筑梦之旅”的大学生</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实现全面建成小康社会奋斗目标，实现社会主义现代化，实现中华民族伟大复兴，需要一批又一批德才兼备的有为人才为之奋斗。艰难困苦，玉汝于成。今天，我们比历史上任何时期都更接近实现中华民族伟大复兴的光辉目标。祖国的青年一代有理想、有追求、有担当，实现中华民族伟大复兴就有源源不断的青春力量。希望你们扎根中国大地了解国情民情，在创新创业中增长智慧才干，在艰苦奋斗中锤炼意志品质，在亿万人民为实现中国梦而进行的伟大奋斗中实现人生价值，用青春书写无愧于时代、无愧于历史的华彩篇章。</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85" w:tgtFrame="_blank" w:history="1">
        <w:r w:rsidRPr="00B2739F">
          <w:rPr>
            <w:rFonts w:ascii="微软雅黑" w:eastAsia="微软雅黑" w:hAnsi="微软雅黑" w:cs="宋体" w:hint="eastAsia"/>
            <w:b/>
            <w:bCs/>
            <w:color w:val="0000FF"/>
            <w:kern w:val="0"/>
            <w:sz w:val="36"/>
            <w:szCs w:val="36"/>
            <w:u w:val="single"/>
          </w:rPr>
          <w:t>习近平对黄大年同志先进事迹作出重要指示</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我们要以黄大年同志为榜样，学习他心有大我、至诚报国的爱国情怀，学习他教书育人、敢为人先的敬业精神，学习他淡泊名利、甘于奉献的高尚情操，把爱国之情、报国之志融入祖国改革发展的伟大事业之中、融入人民创造历史的伟大奋斗之中，从自己做起，从本职岗位做起，为实现“两个一百年”奋斗目标、实现中华民族伟大复兴的中国梦贡献智慧和力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86" w:tgtFrame="_blank" w:history="1">
        <w:r w:rsidRPr="00B2739F">
          <w:rPr>
            <w:rFonts w:ascii="微软雅黑" w:eastAsia="微软雅黑" w:hAnsi="微软雅黑" w:cs="宋体" w:hint="eastAsia"/>
            <w:b/>
            <w:bCs/>
            <w:color w:val="0000FF"/>
            <w:kern w:val="0"/>
            <w:sz w:val="36"/>
            <w:szCs w:val="36"/>
            <w:u w:val="single"/>
          </w:rPr>
          <w:t>习近平考察中国政法大学</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全面推进依法治国是一项长期而重大的历史任务，要坚持中国特色社会主义法治道路，坚持以马克思主义法学思想和中国特色社会主义法治理论为指导，立德树人，德法兼修，培养大批高素质法治人才。</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87" w:tgtFrame="_blank" w:history="1">
        <w:r w:rsidRPr="00B2739F">
          <w:rPr>
            <w:rFonts w:ascii="微软雅黑" w:eastAsia="微软雅黑" w:hAnsi="微软雅黑" w:cs="宋体" w:hint="eastAsia"/>
            <w:b/>
            <w:bCs/>
            <w:color w:val="0000FF"/>
            <w:kern w:val="0"/>
            <w:sz w:val="36"/>
            <w:szCs w:val="36"/>
            <w:u w:val="single"/>
          </w:rPr>
          <w:t>习近平总书记给北京市八一学校科普小卫星研制团队学生的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希望你们保持对知识的渴望，保持对探索的兴趣，培育科学精神，刻苦学习，努力实践，带动更多青少年讲科学、爱科学、学科学、用科学，努力成长为祖国的栋梁之材，将来更好为实现中华民族伟大复兴的中国梦贡献力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88" w:tgtFrame="_blank" w:history="1">
        <w:r w:rsidRPr="00B2739F">
          <w:rPr>
            <w:rFonts w:ascii="微软雅黑" w:eastAsia="微软雅黑" w:hAnsi="微软雅黑" w:cs="宋体" w:hint="eastAsia"/>
            <w:b/>
            <w:bCs/>
            <w:color w:val="0000FF"/>
            <w:kern w:val="0"/>
            <w:sz w:val="36"/>
            <w:szCs w:val="36"/>
            <w:u w:val="single"/>
          </w:rPr>
          <w:t>习近平：把思想政治工作贯穿教育教学全过程</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高校思想政治工作关系高校培养什么样的人、如何培养人以及为谁培养人这个根本问题。要坚持把立德树人作为中心环节，把思想政治工</w:t>
      </w:r>
      <w:r w:rsidRPr="00B2739F">
        <w:rPr>
          <w:rFonts w:ascii="微软雅黑" w:eastAsia="微软雅黑" w:hAnsi="微软雅黑" w:cs="宋体" w:hint="eastAsia"/>
          <w:color w:val="000000"/>
          <w:kern w:val="0"/>
          <w:sz w:val="27"/>
          <w:szCs w:val="27"/>
        </w:rPr>
        <w:lastRenderedPageBreak/>
        <w:t>作贯穿教育教学全过程，实现全程育人、全方位育人，努力开创我国高等教育事业发展新局面。</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89" w:tgtFrame="_blank" w:history="1">
        <w:r w:rsidRPr="00B2739F">
          <w:rPr>
            <w:rFonts w:ascii="微软雅黑" w:eastAsia="微软雅黑" w:hAnsi="微软雅黑" w:cs="宋体" w:hint="eastAsia"/>
            <w:b/>
            <w:bCs/>
            <w:color w:val="0000FF"/>
            <w:kern w:val="0"/>
            <w:sz w:val="36"/>
            <w:szCs w:val="36"/>
            <w:u w:val="single"/>
          </w:rPr>
          <w:t>习近平：全面贯彻落实党的教育方针 努力把我国基础教育越办越好</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教育决定着人类的今天，也决定着人类的未来。基础教育在国民教育体系中处于基础性、先导性地位，必须把握好定位，全面贯彻落实党的教育方针，从多方面采取措施，努力把我国基础教育越办越好。广大教师要做学生锤炼品格的引路人，做学生学习知识的引路人，做学生创新思维的引路人，做学生奉献祖国的引路人。</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90" w:tgtFrame="_blank" w:history="1">
        <w:r w:rsidRPr="00B2739F">
          <w:rPr>
            <w:rFonts w:ascii="微软雅黑" w:eastAsia="微软雅黑" w:hAnsi="微软雅黑" w:cs="宋体" w:hint="eastAsia"/>
            <w:b/>
            <w:bCs/>
            <w:color w:val="0000FF"/>
            <w:kern w:val="0"/>
            <w:sz w:val="36"/>
            <w:szCs w:val="36"/>
            <w:u w:val="single"/>
          </w:rPr>
          <w:t>习近平总书记给大陈岛老垦荒队员后代、浙江省台州市椒江区12名小学生的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希望你们向爷爷奶奶学习，热爱党、热爱祖国、热爱人民，努力成长为有知识、有品德、有作为的新一代建设者，准备着为实现中华民族伟大复兴的中国梦贡献力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91" w:tgtFrame="_blank" w:history="1">
        <w:r w:rsidRPr="00B2739F">
          <w:rPr>
            <w:rFonts w:ascii="微软雅黑" w:eastAsia="微软雅黑" w:hAnsi="微软雅黑" w:cs="宋体" w:hint="eastAsia"/>
            <w:b/>
            <w:bCs/>
            <w:color w:val="0000FF"/>
            <w:kern w:val="0"/>
            <w:sz w:val="36"/>
            <w:szCs w:val="36"/>
            <w:u w:val="single"/>
          </w:rPr>
          <w:t>习近平：为建设世界科技强国而奋斗</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发展信息网络技术，消除不同收入人群、不同地区间的数字鸿沟，努力实现优质文化教育资源均等化。</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92" w:tgtFrame="_blank" w:history="1">
        <w:r w:rsidRPr="00B2739F">
          <w:rPr>
            <w:rFonts w:ascii="微软雅黑" w:eastAsia="微软雅黑" w:hAnsi="微软雅黑" w:cs="宋体" w:hint="eastAsia"/>
            <w:b/>
            <w:bCs/>
            <w:color w:val="0000FF"/>
            <w:kern w:val="0"/>
            <w:sz w:val="36"/>
            <w:szCs w:val="36"/>
            <w:u w:val="single"/>
          </w:rPr>
          <w:t>习近平：把科技创新摆在更加重要位置 吹响建设世界科技强国的号角</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在我国发展新的历史起点上，把科技创新摆在更加重要位置，吹响建设世界科技强国的号角。科技是国之利器，国家赖之以强，企业赖之以赢，人民生活赖之以好。中国要强，中国人民生活要好，必须有强大科技。新时期、新形势、新任务，要求我们在科技创新方面有新理念、新设计、新战略。实现“两个一百年”奋斗目标，实现中华民族伟大复兴的中国梦，必须坚持走中国特色自主创新道路，加快各领域科技创新，掌握全球科技竞争先机。这是我们提出建设世界科技强国的出发点。</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93" w:tgtFrame="_blank" w:history="1">
        <w:r w:rsidRPr="00B2739F">
          <w:rPr>
            <w:rFonts w:ascii="微软雅黑" w:eastAsia="微软雅黑" w:hAnsi="微软雅黑" w:cs="宋体" w:hint="eastAsia"/>
            <w:b/>
            <w:bCs/>
            <w:color w:val="0000FF"/>
            <w:kern w:val="0"/>
            <w:sz w:val="36"/>
            <w:szCs w:val="36"/>
            <w:u w:val="single"/>
          </w:rPr>
          <w:t>习近平：在哲学社会科学工作座谈会上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宣传部门、组织人事部门、教育部门和高等院校、哲学社会科学研究机构、党校行政学院、党政部门所属研究机构、军队院校等要共同努力，形成培养哲学社会科学人才的良好激励机制，促进优秀人才不断成长。</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94" w:tgtFrame="_blank" w:history="1">
        <w:r w:rsidRPr="00B2739F">
          <w:rPr>
            <w:rFonts w:ascii="微软雅黑" w:eastAsia="微软雅黑" w:hAnsi="微软雅黑" w:cs="宋体" w:hint="eastAsia"/>
            <w:b/>
            <w:bCs/>
            <w:color w:val="0000FF"/>
            <w:kern w:val="0"/>
            <w:sz w:val="36"/>
            <w:szCs w:val="36"/>
            <w:u w:val="single"/>
          </w:rPr>
          <w:t>习近平在知识分子、劳动模范、青年代表座谈会上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知识分子工作是党的一项十分重要的工作。各级党委和政府要切实尊重知识、尊重人才，充分信任知识分子，努力为广大知识分子工作学习生活创造更好条件。要深化科技、教育、文化体制改革，深化人才发展体制改革，加快形成有利于知识分子干事创业的体制机制，放手让广大知识分子把才华和能量充分释放出来。</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95" w:tgtFrame="_blank" w:history="1">
        <w:r w:rsidRPr="00B2739F">
          <w:rPr>
            <w:rFonts w:ascii="微软雅黑" w:eastAsia="微软雅黑" w:hAnsi="微软雅黑" w:cs="宋体" w:hint="eastAsia"/>
            <w:b/>
            <w:bCs/>
            <w:color w:val="0000FF"/>
            <w:kern w:val="0"/>
            <w:sz w:val="36"/>
            <w:szCs w:val="36"/>
            <w:u w:val="single"/>
          </w:rPr>
          <w:t>习近平考察中科大：要在开放中推进自主创新</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我们对中国建设国际一流大学、培养国际一流人才充满自信。我们的胸襟是开放的，包容并蓄。幸福不是从天降，中国人民取得的成就是很了不起的，不要妄自菲薄，同时要自强不息。年青人在学校要心无旁骛，学成文武艺，报效祖国和人民，报效中华民族。同学们好好学吧！</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96" w:tgtFrame="_blank" w:history="1">
        <w:r w:rsidRPr="00B2739F">
          <w:rPr>
            <w:rFonts w:ascii="微软雅黑" w:eastAsia="微软雅黑" w:hAnsi="微软雅黑" w:cs="宋体" w:hint="eastAsia"/>
            <w:b/>
            <w:bCs/>
            <w:color w:val="0000FF"/>
            <w:kern w:val="0"/>
            <w:sz w:val="36"/>
            <w:szCs w:val="36"/>
            <w:u w:val="single"/>
          </w:rPr>
          <w:t>习近平致清华大学建校105周年贺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办好高等教育，事关国家发展、事关民族未来。我国高等教育要紧紧围绕实现“两个一百年”奋斗目标、实现中华民族伟大复兴的中国梦，源源不断培养大批德才兼备的优秀人才。站在新的起点上，清华大学要坚持正确方向、坚持立德树人、坚持服务国家、坚持改革创新，面向世界、勇于进取，树立自信、保持特色，广育祖国和人民需要的各类人才，深度参与创新驱动发展战略实施，努力在创建世界一流大学方面走在前列，为国家发展、人民幸福、人类文明进步作出新的更大的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97" w:tgtFrame="_blank" w:history="1">
        <w:r w:rsidRPr="00B2739F">
          <w:rPr>
            <w:rFonts w:ascii="微软雅黑" w:eastAsia="微软雅黑" w:hAnsi="微软雅黑" w:cs="宋体" w:hint="eastAsia"/>
            <w:b/>
            <w:bCs/>
            <w:color w:val="0000FF"/>
            <w:kern w:val="0"/>
            <w:sz w:val="36"/>
            <w:szCs w:val="36"/>
            <w:u w:val="single"/>
          </w:rPr>
          <w:t>习近平：用青春铺路 让理想延伸</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高校作为科技创新的生力军，要创新人才培养机制和教育方法，为国家现代化建设培养造就更多的合格人才、创新人才。习近平希望当代大学生珍惜韶华，把学习成长同党和国家的事业紧紧联系起来、同社会和人民的需要密切结合起来，用青春铺路，让理想延伸。</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98" w:tgtFrame="_blank" w:history="1">
        <w:r w:rsidRPr="00B2739F">
          <w:rPr>
            <w:rFonts w:ascii="微软雅黑" w:eastAsia="微软雅黑" w:hAnsi="微软雅黑" w:cs="宋体" w:hint="eastAsia"/>
            <w:b/>
            <w:bCs/>
            <w:color w:val="0000FF"/>
            <w:kern w:val="0"/>
            <w:sz w:val="36"/>
            <w:szCs w:val="36"/>
            <w:u w:val="single"/>
          </w:rPr>
          <w:t>习近平：让爱国主义精神在青少年心中牢牢扎根</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要结合弘扬和践行社会主义核心价值观，在广大青少年中开展深入、持久、生动的爱国主义宣传教育，让爱国主义精神在广大青少年心中牢牢扎根，让广大青少年培养爱国之情、砥砺强国之志、实践报国之行，让爱国主义精神代代相传、发扬光大。</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99" w:tgtFrame="_blank" w:history="1">
        <w:r w:rsidRPr="00B2739F">
          <w:rPr>
            <w:rFonts w:ascii="微软雅黑" w:eastAsia="微软雅黑" w:hAnsi="微软雅黑" w:cs="宋体" w:hint="eastAsia"/>
            <w:b/>
            <w:bCs/>
            <w:color w:val="0000FF"/>
            <w:kern w:val="0"/>
            <w:sz w:val="36"/>
            <w:szCs w:val="36"/>
            <w:u w:val="single"/>
          </w:rPr>
          <w:t>习近平：教育可把中美两国人民联系在一起</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教育是国家和民族的未来。青少年是人一生中最美好的一段时光。希望同学们珍惜韶华，脚踏实地，刻苦学习，为将来成就一番事业打好基础。</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00" w:tgtFrame="_blank" w:history="1">
        <w:r w:rsidRPr="00B2739F">
          <w:rPr>
            <w:rFonts w:ascii="微软雅黑" w:eastAsia="微软雅黑" w:hAnsi="微软雅黑" w:cs="宋体" w:hint="eastAsia"/>
            <w:b/>
            <w:bCs/>
            <w:color w:val="0000FF"/>
            <w:kern w:val="0"/>
            <w:sz w:val="36"/>
            <w:szCs w:val="36"/>
            <w:u w:val="single"/>
          </w:rPr>
          <w:t>习近平总书记给“国培计划（2014）”北京师范大学贵州研修班参训教师的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发展教育事业，广大教师责任重大、使命光荣。希望你们牢记使命、不忘初衷，扎根西部、服务学生，努力做教育改革的奋进者、教育扶贫的先行者、学生成长的引导者，为贫困地区教育事业发展、为祖国下一代健康成长继续作出自己的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01" w:tgtFrame="_blank" w:history="1">
        <w:r w:rsidRPr="00B2739F">
          <w:rPr>
            <w:rFonts w:ascii="微软雅黑" w:eastAsia="微软雅黑" w:hAnsi="微软雅黑" w:cs="宋体" w:hint="eastAsia"/>
            <w:b/>
            <w:bCs/>
            <w:color w:val="0000FF"/>
            <w:kern w:val="0"/>
            <w:sz w:val="36"/>
            <w:szCs w:val="36"/>
            <w:u w:val="single"/>
          </w:rPr>
          <w:t>习近平向全国广大教师致以节日的祝贺和诚挚的祝福</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发展教育事业，广大教师责任重大、使命光荣。希望你们牢记使命、不忘初衷，扎根西部、服务学生，努力做教育改革的奋进者、教育扶贫</w:t>
      </w:r>
      <w:r w:rsidRPr="00B2739F">
        <w:rPr>
          <w:rFonts w:ascii="微软雅黑" w:eastAsia="微软雅黑" w:hAnsi="微软雅黑" w:cs="宋体" w:hint="eastAsia"/>
          <w:color w:val="000000"/>
          <w:kern w:val="0"/>
          <w:sz w:val="27"/>
          <w:szCs w:val="27"/>
        </w:rPr>
        <w:lastRenderedPageBreak/>
        <w:t>的先行者、学生成长的引导者，为贫困地区教育事业发展、为祖国下一代健康成长继续作出自己的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02" w:tgtFrame="_blank" w:history="1">
        <w:r w:rsidRPr="00B2739F">
          <w:rPr>
            <w:rFonts w:ascii="微软雅黑" w:eastAsia="微软雅黑" w:hAnsi="微软雅黑" w:cs="宋体" w:hint="eastAsia"/>
            <w:b/>
            <w:bCs/>
            <w:color w:val="0000FF"/>
            <w:kern w:val="0"/>
            <w:sz w:val="36"/>
            <w:szCs w:val="36"/>
            <w:u w:val="single"/>
          </w:rPr>
          <w:t>习近平：推动一批大学和学科跻身世界一流</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全面贯彻党的教育方针，遵循教育规律，以立德树人为根本，以中国特色为统领，以支撑创新驱动发展战略、服务经济社会为导向，推动一批高水平大学和学科进入世界一流行列或前列，提升我国高等教育综合实力和国际竞争力，培养一流人才，产出一流成果。要引导和支持高等院校优化学科结构，凝练学科发展方向，突出学科建设重点，通过体制机制改革激发高校内生动力和活力。</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03" w:tgtFrame="_blank" w:history="1">
        <w:r w:rsidRPr="00B2739F">
          <w:rPr>
            <w:rFonts w:ascii="微软雅黑" w:eastAsia="微软雅黑" w:hAnsi="微软雅黑" w:cs="宋体" w:hint="eastAsia"/>
            <w:b/>
            <w:bCs/>
            <w:color w:val="0000FF"/>
            <w:kern w:val="0"/>
            <w:sz w:val="36"/>
            <w:szCs w:val="36"/>
            <w:u w:val="single"/>
          </w:rPr>
          <w:t>以习近平同志为总书记的党中央关心青年和青年工作纪实</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祖国是实现梦想的舞台，青春是放飞梦想的翅膀。殷切的教诲、深情的期望、扎实的举措，激励着广大青年投身国家改革发展、民族复兴的伟大事业，以实际行动书写无悔的青春篇章。</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04" w:tgtFrame="_blank" w:history="1">
        <w:r w:rsidRPr="00B2739F">
          <w:rPr>
            <w:rFonts w:ascii="微软雅黑" w:eastAsia="微软雅黑" w:hAnsi="微软雅黑" w:cs="宋体" w:hint="eastAsia"/>
            <w:b/>
            <w:bCs/>
            <w:color w:val="0000FF"/>
            <w:kern w:val="0"/>
            <w:sz w:val="36"/>
            <w:szCs w:val="36"/>
            <w:u w:val="single"/>
          </w:rPr>
          <w:t>习近平总书记强调上下共同努力进一步办好职业教育</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学生时代是美好的，同学们在这里积蓄奋发力量，每一寸光阴都很宝贵。各行各业需要大批科技人才，也需要大批技能型人才，大家要对</w:t>
      </w:r>
      <w:r w:rsidRPr="00B2739F">
        <w:rPr>
          <w:rFonts w:ascii="微软雅黑" w:eastAsia="微软雅黑" w:hAnsi="微软雅黑" w:cs="宋体" w:hint="eastAsia"/>
          <w:color w:val="000000"/>
          <w:kern w:val="0"/>
          <w:sz w:val="27"/>
          <w:szCs w:val="27"/>
        </w:rPr>
        <w:lastRenderedPageBreak/>
        <w:t>自己的前途充满信心。习近平希望同学们立志追求人无我有、人有我优、技高一筹的境界，学到真本领，用勤劳和智慧创造美好人生。</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05" w:tgtFrame="_blank" w:history="1">
        <w:r w:rsidRPr="00B2739F">
          <w:rPr>
            <w:rFonts w:ascii="微软雅黑" w:eastAsia="微软雅黑" w:hAnsi="微软雅黑" w:cs="宋体" w:hint="eastAsia"/>
            <w:b/>
            <w:bCs/>
            <w:color w:val="0000FF"/>
            <w:kern w:val="0"/>
            <w:sz w:val="36"/>
            <w:szCs w:val="36"/>
            <w:u w:val="single"/>
          </w:rPr>
          <w:t>习近平会见中国少年先锋队第七次全国代表大会代表 寄语全国各族少年儿童</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培养好少年儿童是一项战略任务，事关长远。长期以来，一代又一代少先队辅导员、少年儿童工作者为国家和民族未来、为亿万少年儿童健康成长，作出了重要贡献，党和人民感谢你们。希望少先队组织牢记使命，教育引导亿万少年儿童为实现中华民族伟大复兴的中国梦时刻准备着。各级党委和政府、社会各界都要重视培育未来、创造未来的工作，关心爱护少年儿童，重视支持少先队工作，为少年儿童办实事，让孩子们成长得更好。每一位家长、每一个成年人都要为孩子们做出榜样。</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06" w:tgtFrame="_blank" w:history="1">
        <w:r w:rsidRPr="00B2739F">
          <w:rPr>
            <w:rFonts w:ascii="微软雅黑" w:eastAsia="微软雅黑" w:hAnsi="微软雅黑" w:cs="宋体" w:hint="eastAsia"/>
            <w:b/>
            <w:bCs/>
            <w:color w:val="0000FF"/>
            <w:kern w:val="0"/>
            <w:sz w:val="36"/>
            <w:szCs w:val="36"/>
            <w:u w:val="single"/>
          </w:rPr>
          <w:t>习近平致信祝贺国际教育信息化大会开幕</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因应信息技术的发展，推动教育变革和创新，构建网络化、数字化、个性化、终身化的教育体系，建设“人人皆学、处处能学、时时可学”的学习型社会，培养大批创新人才，是人类共同面临的重大课题。</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07" w:tgtFrame="_blank" w:history="1">
        <w:r w:rsidRPr="00B2739F">
          <w:rPr>
            <w:rFonts w:ascii="微软雅黑" w:eastAsia="微软雅黑" w:hAnsi="微软雅黑" w:cs="宋体" w:hint="eastAsia"/>
            <w:b/>
            <w:bCs/>
            <w:color w:val="0000FF"/>
            <w:kern w:val="0"/>
            <w:sz w:val="36"/>
            <w:szCs w:val="36"/>
            <w:u w:val="single"/>
          </w:rPr>
          <w:t>习近平在庆祝“五一”国际劳动节暨表彰全国劳动模范和先进工作者大会上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深入开展中国特色社会主义理想信念教育，培育和践行社会主义核心价值观，弘扬中华优秀传统文化，开展以职业道德为重点的“四德”</w:t>
      </w:r>
      <w:r w:rsidRPr="00B2739F">
        <w:rPr>
          <w:rFonts w:ascii="微软雅黑" w:eastAsia="微软雅黑" w:hAnsi="微软雅黑" w:cs="宋体" w:hint="eastAsia"/>
          <w:color w:val="000000"/>
          <w:kern w:val="0"/>
          <w:sz w:val="27"/>
          <w:szCs w:val="27"/>
        </w:rPr>
        <w:lastRenderedPageBreak/>
        <w:t>教育，深化“中国梦·劳动美”教育实践活动，不断引导广大群众增强中国特色社会主义道路自信、理论自信、制度自信。</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08" w:tgtFrame="_blank" w:history="1">
        <w:r w:rsidRPr="00B2739F">
          <w:rPr>
            <w:rFonts w:ascii="微软雅黑" w:eastAsia="微软雅黑" w:hAnsi="微软雅黑" w:cs="宋体" w:hint="eastAsia"/>
            <w:b/>
            <w:bCs/>
            <w:color w:val="0000FF"/>
            <w:kern w:val="0"/>
            <w:sz w:val="36"/>
            <w:szCs w:val="36"/>
            <w:u w:val="single"/>
          </w:rPr>
          <w:t>习近平主持召开中央全面深化改革领导小组第十一次会议审议通过乡村教师支持计划</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把乡村教师队伍建设摆在优先发展的战略位置，多措并举，定向施策，精准发力，通过全面提高乡村教师思想政治素质和师德水平、拓展乡村教师补充渠道、提高乡村教师生活待遇、统一城乡教职工编制标准、职称（职务）评聘向乡村学校倾斜、推动城市优秀教师向乡村学校流动、全面提升乡村教师能力素质、建立乡村教师荣誉制度等关键举措，努力造就一支素质优良、甘于奉献、扎根乡村的教师队伍。各级党委和政府要加强组织领导，因地制宜制定符合乡村学校实际的有效措施，把准支持重点，着力改革体制，鼓励和引导社会力量参与支持乡村教师队伍建设。</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09" w:tgtFrame="_blank" w:history="1">
        <w:r w:rsidRPr="00B2739F">
          <w:rPr>
            <w:rFonts w:ascii="微软雅黑" w:eastAsia="微软雅黑" w:hAnsi="微软雅黑" w:cs="宋体" w:hint="eastAsia"/>
            <w:b/>
            <w:bCs/>
            <w:color w:val="0000FF"/>
            <w:kern w:val="0"/>
            <w:sz w:val="36"/>
            <w:szCs w:val="36"/>
            <w:u w:val="single"/>
          </w:rPr>
          <w:t>习近平春节前夕赴陕西看望慰问广大干部群众 向全国人民致以新春祝福</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教育很重要，革命老区、贫困地区抓发展在根上还是要把教育抓好，不要让孩子输在起跑线上。要重视教育，重视基础教育尤其是老区的基础教育，财政资金要向这方面倾斜。</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10" w:tgtFrame="_blank" w:history="1">
        <w:r w:rsidRPr="00B2739F">
          <w:rPr>
            <w:rFonts w:ascii="微软雅黑" w:eastAsia="微软雅黑" w:hAnsi="微软雅黑" w:cs="宋体" w:hint="eastAsia"/>
            <w:b/>
            <w:bCs/>
            <w:color w:val="0000FF"/>
            <w:kern w:val="0"/>
            <w:sz w:val="36"/>
            <w:szCs w:val="36"/>
            <w:u w:val="single"/>
          </w:rPr>
          <w:t>习近平：坚持立德树人思想引领 加强改进高校党建工作</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高校肩负着学习研究宣传马克思主义、培养中国特色社会主义事业建设者和接班人的重大任务。加强党对高校的领导，加强和改进高校党的建设，是办好中国特色社会主义大学的根本保证。</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11" w:tgtFrame="_blank" w:history="1">
        <w:r w:rsidRPr="00B2739F">
          <w:rPr>
            <w:rFonts w:ascii="微软雅黑" w:eastAsia="微软雅黑" w:hAnsi="微软雅黑" w:cs="宋体" w:hint="eastAsia"/>
            <w:b/>
            <w:bCs/>
            <w:color w:val="0000FF"/>
            <w:kern w:val="0"/>
            <w:sz w:val="36"/>
            <w:szCs w:val="36"/>
            <w:u w:val="single"/>
          </w:rPr>
          <w:t>习近平考察澳门大学横琴新校区</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习近平希望大家通过学习和了解我们民族和国家的历史，汲取中华民族的精神力量，增强民族自豪感，增强文化自信，增强作为一个中国人的骨气和底色。要大力弘扬爱国主义精神，继承爱国爱澳传统，自觉增强推进“一国两制”事业的历史责任感，珍惜青春年少的大好时光，创造有信念、有梦想、有奋斗、有奉献的人生。</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12" w:tgtFrame="_blank" w:history="1">
        <w:r w:rsidRPr="00B2739F">
          <w:rPr>
            <w:rFonts w:ascii="微软雅黑" w:eastAsia="微软雅黑" w:hAnsi="微软雅黑" w:cs="宋体" w:hint="eastAsia"/>
            <w:b/>
            <w:bCs/>
            <w:color w:val="0000FF"/>
            <w:kern w:val="0"/>
            <w:sz w:val="36"/>
            <w:szCs w:val="36"/>
            <w:u w:val="single"/>
          </w:rPr>
          <w:t>习近平：适应国家发展大势和党和国家工作大局 培养更多优秀人才开创留学工作新局面</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新形势下，留学工作要适应国家发展大势和党和国家工作大局，统筹谋划出国留学和来华留学，综合运用国际国内两种资源，培养造就更多优秀人才，努力开创留学工作新局面，为实现“两个一百年”奋斗目标、实现中华民族伟大复兴的中国梦不断作出新的更大的贡献。希望广大留学人员跟上时代潮流，放眼观察世界，坚定理想，刻苦学习，掌握新知，增强本领，更好为祖国和人民贡献自己的智慧和力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13" w:tgtFrame="_blank" w:history="1">
        <w:r w:rsidRPr="00B2739F">
          <w:rPr>
            <w:rFonts w:ascii="微软雅黑" w:eastAsia="微软雅黑" w:hAnsi="微软雅黑" w:cs="宋体" w:hint="eastAsia"/>
            <w:b/>
            <w:bCs/>
            <w:color w:val="0000FF"/>
            <w:kern w:val="0"/>
            <w:sz w:val="36"/>
            <w:szCs w:val="36"/>
            <w:u w:val="single"/>
          </w:rPr>
          <w:t>习近平：做党和人民满意的好老师</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三寸粉笔，三尺讲台系国运;一颗丹心，一生秉烛铸民魂。”今天的学生就是未来实现中华民族伟大复兴中国梦的主力军，广大教师就是打造这支中华民族“梦之队”的筑梦人。希望全国广大教师把全部精力和满腔真情献给教育事业，在教书育人的工作中不断创造新业绩。</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14" w:tgtFrame="_blank" w:history="1">
        <w:r w:rsidRPr="00B2739F">
          <w:rPr>
            <w:rFonts w:ascii="微软雅黑" w:eastAsia="微软雅黑" w:hAnsi="微软雅黑" w:cs="宋体" w:hint="eastAsia"/>
            <w:b/>
            <w:bCs/>
            <w:color w:val="0000FF"/>
            <w:kern w:val="0"/>
            <w:sz w:val="36"/>
            <w:szCs w:val="36"/>
            <w:u w:val="single"/>
          </w:rPr>
          <w:t>在中科院第十七次院士大会、工程院第十二次院士大会上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实施创新驱动发展战略，建设创新型国家，为实现“两个一百年”奋斗目标提供强大科技支撑，是时代赋予我国广大科技工作者的历史使命。希望同志们锐意进取、锐意创新，努力创造出无愧于时代的业绩，为实现中华民族伟大复兴作出新的更大的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15" w:tgtFrame="_blank" w:history="1">
        <w:r w:rsidRPr="00B2739F">
          <w:rPr>
            <w:rFonts w:ascii="微软雅黑" w:eastAsia="微软雅黑" w:hAnsi="微软雅黑" w:cs="宋体" w:hint="eastAsia"/>
            <w:b/>
            <w:bCs/>
            <w:color w:val="0000FF"/>
            <w:kern w:val="0"/>
            <w:sz w:val="36"/>
            <w:szCs w:val="36"/>
            <w:u w:val="single"/>
          </w:rPr>
          <w:t>习近平：让社会主义核心价值观的种子在少年儿童心中生根发芽</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少年儿童培育和践行社会主义核心价值观，要适应自身年龄和特点，做到记住要求、心有榜样、从小做起、接受帮助。要把社会主义核心价值观的基本内容熟记熟背，融化在心灵里，铭刻在脑子中，结合学习和生活等实践不断加深理解。要学习英雄人物、先进人物、美好事物，在学习中养成好的思想品德追求。要从自己做起、从身边做起、从小事做起，一点一滴积累，养成好思想、好品德。要听得进意见，受得了批评，在知错就改、越改越好的氛围中健康成长，努力做最好的我、在自己最好的方面。</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16" w:tgtFrame="_blank" w:history="1">
        <w:r w:rsidRPr="00B2739F">
          <w:rPr>
            <w:rFonts w:ascii="微软雅黑" w:eastAsia="微软雅黑" w:hAnsi="微软雅黑" w:cs="宋体" w:hint="eastAsia"/>
            <w:b/>
            <w:bCs/>
            <w:color w:val="0000FF"/>
            <w:kern w:val="0"/>
            <w:sz w:val="36"/>
            <w:szCs w:val="36"/>
            <w:u w:val="single"/>
          </w:rPr>
          <w:t>在第二次中央新疆工作座谈会上发表重要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加强民族交往交流交融，部署和开展多种形式的共建工作，推进“双语”教育，推动建立各民族相互嵌入式的社会结构和社区环境，有序扩大新疆少数民族群众到内地接受教育、就业、居住的规模，促进各族群众在共同生产生活和工作学习中加深了解、增进感情。 要坚持教育优先，培养优秀人才，全面提高入学率，让适龄的孩子们学习在学校、生活在学校、成长在学校。要吸引更多优秀人才投身教育，国家的教育经费要多往新疆投。</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17" w:tgtFrame="_blank" w:history="1">
        <w:r w:rsidRPr="00B2739F">
          <w:rPr>
            <w:rFonts w:ascii="微软雅黑" w:eastAsia="微软雅黑" w:hAnsi="微软雅黑" w:cs="宋体" w:hint="eastAsia"/>
            <w:b/>
            <w:bCs/>
            <w:color w:val="0000FF"/>
            <w:kern w:val="0"/>
            <w:sz w:val="36"/>
            <w:szCs w:val="36"/>
            <w:u w:val="single"/>
          </w:rPr>
          <w:t>习近平：青年要自觉践行社会主义核心价值观与祖国和人民同行努力创造精彩人生</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党中央作出了建设世界一流大学的战略决策，我们要朝着这个目标坚定不移前进，不断深化教育体制改革。办好中国的世界一流大学，必须有中国特色。各级党委和政府要高度重视高校工作，始终关心和爱护学生成长。要全面深化改革，营造公平公正的社会环境，不断激发广大青年的活力和创造力。要强化就业创业服务体系建设，支持帮助学生们迈好走向社会的第一步。教师承担着最庄严、最神圣的使命，要时刻铭记教书育人的使命，以人格魅力引导学生心灵，以学术造诣开启学生的智慧之门。</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18" w:tgtFrame="_blank" w:history="1">
        <w:r w:rsidRPr="00B2739F">
          <w:rPr>
            <w:rFonts w:ascii="微软雅黑" w:eastAsia="微软雅黑" w:hAnsi="微软雅黑" w:cs="宋体" w:hint="eastAsia"/>
            <w:b/>
            <w:bCs/>
            <w:color w:val="0000FF"/>
            <w:kern w:val="0"/>
            <w:sz w:val="36"/>
            <w:szCs w:val="36"/>
            <w:u w:val="single"/>
          </w:rPr>
          <w:t>习近平给河北保定学院西部支教毕业生群体代表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同人民一道拼搏、同祖国一道前进，服务人民、奉献祖国，是当代中国青年的正确方向。好儿女志在四方，有志者奋斗无悔。希望越来越多的青年人以你们为榜样，到基层和人民中去建功立业，让青春之花绽放在祖国最需要的地方，在实现中国梦的伟大实践中书写别样精彩的人生。</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19" w:tgtFrame="_blank" w:history="1">
        <w:r w:rsidRPr="00B2739F">
          <w:rPr>
            <w:rFonts w:ascii="微软雅黑" w:eastAsia="微软雅黑" w:hAnsi="微软雅黑" w:cs="宋体" w:hint="eastAsia"/>
            <w:b/>
            <w:bCs/>
            <w:color w:val="0000FF"/>
            <w:kern w:val="0"/>
            <w:sz w:val="36"/>
            <w:szCs w:val="36"/>
            <w:u w:val="single"/>
          </w:rPr>
          <w:t>在联合国教科文组织总部的演讲</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我们要积极发展教育事业，通过普及教育，启迪心智，传承知识，陶冶情操，使人们在持续的格物致知中更好认识各种文明的价值，让教育为文明传承和创造服务。</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20" w:tgtFrame="_blank" w:history="1">
        <w:r w:rsidRPr="00B2739F">
          <w:rPr>
            <w:rFonts w:ascii="微软雅黑" w:eastAsia="微软雅黑" w:hAnsi="微软雅黑" w:cs="宋体" w:hint="eastAsia"/>
            <w:b/>
            <w:bCs/>
            <w:color w:val="0000FF"/>
            <w:kern w:val="0"/>
            <w:sz w:val="36"/>
            <w:szCs w:val="36"/>
            <w:u w:val="single"/>
          </w:rPr>
          <w:t>在十八届中央政治局第十三次集体学习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通过教育引导、舆论宣传、文化熏陶、实践养成、制度保障等，使社会主义核心价值观内化为人们的精神追求，外化为人们的自觉行动。要从娃娃抓起、从学校抓起，做到进教材、进课堂、进头脑。</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21" w:tgtFrame="_blank" w:history="1">
        <w:r w:rsidRPr="00B2739F">
          <w:rPr>
            <w:rFonts w:ascii="微软雅黑" w:eastAsia="微软雅黑" w:hAnsi="微软雅黑" w:cs="宋体" w:hint="eastAsia"/>
            <w:b/>
            <w:bCs/>
            <w:color w:val="0000FF"/>
            <w:kern w:val="0"/>
            <w:sz w:val="36"/>
            <w:szCs w:val="36"/>
            <w:u w:val="single"/>
          </w:rPr>
          <w:t>给大学生村官张广秀的复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大学生村官计划实施以来，数十万大学生走进农村，热情服务，努力实现人生价值。你们的付出和贡献，农民群众有最真切的感受，我看了很多反映大学生村官事迹的材料，为你们的进步和成绩感到高兴。希望你和所有大学生村官热爱基层、扎根基层，增长见识、增长才干，促农村发展，让农民受益，让青春无悔。</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22" w:tgtFrame="_blank" w:history="1">
        <w:r w:rsidRPr="00B2739F">
          <w:rPr>
            <w:rFonts w:ascii="微软雅黑" w:eastAsia="微软雅黑" w:hAnsi="微软雅黑" w:cs="宋体" w:hint="eastAsia"/>
            <w:b/>
            <w:bCs/>
            <w:color w:val="0000FF"/>
            <w:kern w:val="0"/>
            <w:sz w:val="36"/>
            <w:szCs w:val="36"/>
            <w:u w:val="single"/>
          </w:rPr>
          <w:t>给全体在德留学人员的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中华百年以来的留学史，是中国人民为个人梦、强国梦、复兴梦而奋斗的历史。实现中华民族伟大复兴的中国梦是近代以来中华民族的夙愿，是13亿中国人民的共同梦想。希望广大海外学子秉持崇高理想，在中国人民实现中国梦的伟大奋斗中实现自身价值，努力书写无愧于时代的华彩篇章。你们在来信中表示要坚持爱国、坚持理想、坚持学习、坚持创新，希望大家把这些信念付诸行动，志存高远，脚踏实地，刻苦攻读，积才广学，早日用所学所得报效祖国和人民。</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23" w:tgtFrame="_blank" w:history="1">
        <w:r w:rsidRPr="00B2739F">
          <w:rPr>
            <w:rFonts w:ascii="微软雅黑" w:eastAsia="微软雅黑" w:hAnsi="微软雅黑" w:cs="宋体" w:hint="eastAsia"/>
            <w:b/>
            <w:bCs/>
            <w:color w:val="0000FF"/>
            <w:kern w:val="0"/>
            <w:sz w:val="36"/>
            <w:szCs w:val="36"/>
            <w:u w:val="single"/>
          </w:rPr>
          <w:t>切实把思想统一到党的十八届三中全会精神上来</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我们要在不断发展的基础上尽量把促进社会公平正义的事情做好，既尽力而为，又量力而行，努力使全体人民在学有所教、劳有所得、病有所医、老有所养、住有所居上持续取得新进展。</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24" w:tgtFrame="_blank" w:history="1">
        <w:r w:rsidRPr="00B2739F">
          <w:rPr>
            <w:rFonts w:ascii="微软雅黑" w:eastAsia="微软雅黑" w:hAnsi="微软雅黑" w:cs="宋体" w:hint="eastAsia"/>
            <w:b/>
            <w:bCs/>
            <w:color w:val="0000FF"/>
            <w:kern w:val="0"/>
            <w:sz w:val="36"/>
            <w:szCs w:val="36"/>
            <w:u w:val="single"/>
          </w:rPr>
          <w:t>在十八届中央政治局第十二次集体学习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对中国人民和中华民族的优秀文化和光荣历史，要加大正面宣传力度，通过学校教育、理论研究、历史研究、影视作品、文学作品等多种方式，加强爱国主义、集体主义、社会主义教育，引导我国人民树立和坚持正确的历史观、民族观、国家观、文化观，增强做中国人的骨气和底气。</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25" w:tgtFrame="_blank" w:history="1">
        <w:r w:rsidRPr="00B2739F">
          <w:rPr>
            <w:rFonts w:ascii="微软雅黑" w:eastAsia="微软雅黑" w:hAnsi="微软雅黑" w:cs="宋体" w:hint="eastAsia"/>
            <w:b/>
            <w:bCs/>
            <w:color w:val="0000FF"/>
            <w:kern w:val="0"/>
            <w:sz w:val="36"/>
            <w:szCs w:val="36"/>
            <w:u w:val="single"/>
          </w:rPr>
          <w:t>给华中农业大学“本禹志愿服务队”的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历史和现实都告诉我们，青年一代有理想、有担当，国家就有前途，民族就有希望，实现中华民族伟大复兴就有源源不断的强大力量。希望你们弘扬奉献、友爱、互助、进步的志愿精神，坚持与祖国同行、为人民奉献，以青春梦想、用实际行动为实现中国梦作出新的更大贡献。</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26" w:tgtFrame="_blank" w:history="1">
        <w:r w:rsidRPr="00B2739F">
          <w:rPr>
            <w:rFonts w:ascii="微软雅黑" w:eastAsia="微软雅黑" w:hAnsi="微软雅黑" w:cs="宋体" w:hint="eastAsia"/>
            <w:b/>
            <w:bCs/>
            <w:color w:val="0000FF"/>
            <w:kern w:val="0"/>
            <w:sz w:val="36"/>
            <w:szCs w:val="36"/>
            <w:u w:val="single"/>
          </w:rPr>
          <w:t>在山东考察工作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抓扶贫开发，要紧紧扭住增加农民收入这个中心任务、健全农村基本公共服务体系这个基本保障、提高农村义务教育水平这个治本之策，突出重点，上下联动，综合施策。</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27" w:tgtFrame="_blank" w:history="1">
        <w:r w:rsidRPr="00B2739F">
          <w:rPr>
            <w:rFonts w:ascii="微软雅黑" w:eastAsia="微软雅黑" w:hAnsi="微软雅黑" w:cs="宋体" w:hint="eastAsia"/>
            <w:b/>
            <w:bCs/>
            <w:color w:val="0000FF"/>
            <w:kern w:val="0"/>
            <w:sz w:val="36"/>
            <w:szCs w:val="36"/>
            <w:u w:val="single"/>
          </w:rPr>
          <w:t>关于《中共中央关于全面深化改革若干重大问题的决定》的说明</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统筹城乡义务教育资源均衡配置，整合城乡居民基本养老保险制度、基本医疗保险制度，推进城乡最低生活保障制度统筹发展，稳步推进城镇基本公共服务常住人口全覆盖，把进城落户农民完全纳入城镇住房和社会保障体系。</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28" w:tgtFrame="_blank" w:history="1">
        <w:r w:rsidRPr="00B2739F">
          <w:rPr>
            <w:rFonts w:ascii="微软雅黑" w:eastAsia="微软雅黑" w:hAnsi="微软雅黑" w:cs="宋体" w:hint="eastAsia"/>
            <w:b/>
            <w:bCs/>
            <w:color w:val="0000FF"/>
            <w:kern w:val="0"/>
            <w:sz w:val="36"/>
            <w:szCs w:val="36"/>
            <w:u w:val="single"/>
          </w:rPr>
          <w:t>致2013年全球创业周中国站活动组委会的贺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青年是国家和民族的希望，创新是社会进步的灵魂，创业是推动经济社会发展、改善民生的重要途径。青年学生富有想象力和创造力，是创新创业的有生力量。希望广大青年学生把自己的人生追求同国家发展进步、人民伟大实践紧密结合起来，刻苦学习，脚踏实地，锐意进取，</w:t>
      </w:r>
      <w:r w:rsidRPr="00B2739F">
        <w:rPr>
          <w:rFonts w:ascii="微软雅黑" w:eastAsia="微软雅黑" w:hAnsi="微软雅黑" w:cs="宋体" w:hint="eastAsia"/>
          <w:color w:val="000000"/>
          <w:kern w:val="0"/>
          <w:sz w:val="27"/>
          <w:szCs w:val="27"/>
        </w:rPr>
        <w:lastRenderedPageBreak/>
        <w:t>在创新创业中展示才华、服务社会。全社会都要重视和支持青年创新创业，提供更有利的条件，搭建更广阔的舞台，让广大青年在创新创业中焕发出更加夺目的青春光彩。</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29" w:tgtFrame="_blank" w:history="1">
        <w:r w:rsidRPr="00B2739F">
          <w:rPr>
            <w:rFonts w:ascii="微软雅黑" w:eastAsia="微软雅黑" w:hAnsi="微软雅黑" w:cs="宋体" w:hint="eastAsia"/>
            <w:b/>
            <w:bCs/>
            <w:color w:val="0000FF"/>
            <w:kern w:val="0"/>
            <w:sz w:val="36"/>
            <w:szCs w:val="36"/>
            <w:u w:val="single"/>
          </w:rPr>
          <w:t>在视察国防科学技术大学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深入贯彻落实党在新形势下的强军目标，全面提高教学科研水平和人才培养质量，加快建设具有我军特色的世界一流大学，努力把国防科大办成高素质新型军事人才培养高地、国防科技自主创新高地，为实现中国梦、强军梦提供强有力的人才和科技支持。</w:t>
      </w:r>
      <w:r w:rsidRPr="00B2739F">
        <w:rPr>
          <w:rFonts w:ascii="微软雅黑" w:eastAsia="微软雅黑" w:hAnsi="微软雅黑" w:cs="宋体" w:hint="eastAsia"/>
          <w:color w:val="000000"/>
          <w:kern w:val="0"/>
          <w:sz w:val="27"/>
          <w:szCs w:val="27"/>
        </w:rPr>
        <w:br/>
        <w:t>要坚持面向战场、面向部队，围绕实战搞教学、着眼打赢育人才，使培养的学员符合部队建设和未来战争的需要。要更新教育理念，创新培养模式，全面提高师资队伍整体素质，走出一条有利于高端军事人才成长的新路子。</w:t>
      </w:r>
      <w:r w:rsidRPr="00B2739F">
        <w:rPr>
          <w:rFonts w:ascii="微软雅黑" w:eastAsia="微软雅黑" w:hAnsi="微软雅黑" w:cs="宋体" w:hint="eastAsia"/>
          <w:color w:val="000000"/>
          <w:kern w:val="0"/>
          <w:sz w:val="27"/>
          <w:szCs w:val="27"/>
        </w:rPr>
        <w:br/>
        <w:t>要牢牢扭住培育优良校风这个基础工程，坚持从严治校、从严治教、从严治学，使官兵做到德智体美全面发展。</w:t>
      </w:r>
      <w:r w:rsidRPr="00B2739F">
        <w:rPr>
          <w:rFonts w:ascii="微软雅黑" w:eastAsia="微软雅黑" w:hAnsi="微软雅黑" w:cs="宋体" w:hint="eastAsia"/>
          <w:color w:val="000000"/>
          <w:kern w:val="0"/>
          <w:sz w:val="27"/>
          <w:szCs w:val="27"/>
        </w:rPr>
        <w:br/>
        <w:t>广大教员要切实肩负起立德树人、教书育人的光荣职责，做学员健康成长的指导者和引路人。</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30" w:tgtFrame="_blank" w:history="1">
        <w:r w:rsidRPr="00B2739F">
          <w:rPr>
            <w:rFonts w:ascii="微软雅黑" w:eastAsia="微软雅黑" w:hAnsi="微软雅黑" w:cs="宋体" w:hint="eastAsia"/>
            <w:b/>
            <w:bCs/>
            <w:color w:val="0000FF"/>
            <w:kern w:val="0"/>
            <w:sz w:val="36"/>
            <w:szCs w:val="36"/>
            <w:u w:val="single"/>
          </w:rPr>
          <w:t>在中南大学视察国家重金属污染防治工程技术研究中心、粉末冶金国家重点实验室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要充分发挥高校人才荟萃、学科齐全、思想活跃、基础雄厚的优势，面向经济建设主战场，面向民生建设大领域，加强科学研究工作，加大科技创新力度，努力形成更多更先进的创新成果。</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31" w:tgtFrame="_blank" w:history="1">
        <w:r w:rsidRPr="00B2739F">
          <w:rPr>
            <w:rFonts w:ascii="微软雅黑" w:eastAsia="微软雅黑" w:hAnsi="微软雅黑" w:cs="宋体" w:hint="eastAsia"/>
            <w:b/>
            <w:bCs/>
            <w:color w:val="0000FF"/>
            <w:kern w:val="0"/>
            <w:sz w:val="36"/>
            <w:szCs w:val="36"/>
            <w:u w:val="single"/>
          </w:rPr>
          <w:t>在同全国总工会新一届领导班子成员集体谈话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在全社会大力弘扬我国工人阶级的优秀品质，大力宣传劳动模范和其他典型的先进事迹，加强对广大青少年的教育，让劳动最光荣、劳动最崇高、劳动最伟大、劳动最美丽的观念蔚然成风，让全体人民进一步焕发劳动热情、释放创造潜能，通过劳动创造更加美好的生活。 </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32" w:tgtFrame="_blank" w:history="1">
        <w:r w:rsidRPr="00B2739F">
          <w:rPr>
            <w:rFonts w:ascii="微软雅黑" w:eastAsia="微软雅黑" w:hAnsi="微软雅黑" w:cs="宋体" w:hint="eastAsia"/>
            <w:b/>
            <w:bCs/>
            <w:color w:val="0000FF"/>
            <w:kern w:val="0"/>
            <w:sz w:val="36"/>
            <w:szCs w:val="36"/>
            <w:u w:val="single"/>
          </w:rPr>
          <w:t>在会见清华大学经济管理学院顾问委员会海外委员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科教兴国已成为中国的基本国策。我们将秉持科技是第一生产力、人才是第一资源的理念，兼收并蓄，吸取国际先进经验，推进教育改革，提高教育质量，培养更多、更高素质的人才，同时为各类人才发挥作用、施展才华提供更加广阔的天地。</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33" w:tgtFrame="_blank" w:history="1">
        <w:r w:rsidRPr="00B2739F">
          <w:rPr>
            <w:rFonts w:ascii="微软雅黑" w:eastAsia="微软雅黑" w:hAnsi="微软雅黑" w:cs="宋体" w:hint="eastAsia"/>
            <w:b/>
            <w:bCs/>
            <w:color w:val="0000FF"/>
            <w:kern w:val="0"/>
            <w:sz w:val="36"/>
            <w:szCs w:val="36"/>
            <w:u w:val="single"/>
          </w:rPr>
          <w:t>习近平在欧美同学会成立一百周年庆祝大会上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面对新形势新任务，欧美同学会·中国留学人员联谊会要发挥群众性、高知性、统战性的特点和优势，立足国内、开拓海外，努力成为留学报</w:t>
      </w:r>
      <w:r w:rsidRPr="00B2739F">
        <w:rPr>
          <w:rFonts w:ascii="微软雅黑" w:eastAsia="微软雅黑" w:hAnsi="微软雅黑" w:cs="宋体" w:hint="eastAsia"/>
          <w:color w:val="000000"/>
          <w:kern w:val="0"/>
          <w:sz w:val="27"/>
          <w:szCs w:val="27"/>
        </w:rPr>
        <w:lastRenderedPageBreak/>
        <w:t>国的人才库、建言献策的智囊团、开展民间外交的生力军，成为党联系广大留学人员的桥梁纽带、党和政府做好留学人员工作的助手、广大留学人员之家，把广大留学人员紧密团结在党的周围。要关心留学人员工作、学习、生活，反映愿望诉求，维护合法权益，不断增强吸引力和凝聚力。</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34" w:tgtFrame="_blank" w:history="1">
        <w:r w:rsidRPr="00B2739F">
          <w:rPr>
            <w:rFonts w:ascii="微软雅黑" w:eastAsia="微软雅黑" w:hAnsi="微软雅黑" w:cs="宋体" w:hint="eastAsia"/>
            <w:b/>
            <w:bCs/>
            <w:color w:val="0000FF"/>
            <w:kern w:val="0"/>
            <w:sz w:val="36"/>
            <w:szCs w:val="36"/>
            <w:u w:val="single"/>
          </w:rPr>
          <w:t>给中央民族大学附属中学全校学生的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我国是统一的多民族国家。我国各族人民同呼吸、共命运、心连心的奋斗历程是中华民族强大凝聚力和非凡创造力的重要源泉。我国各民族多姿多彩的文化是中华文明的重要组成部分。希望学校继承光荣传统，传承各民族优秀文化，承担好立德树人、教书育人的神圣职责，着力培养造就中国特色社会主义事业合格建设者和接班人。</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35" w:tgtFrame="_blank" w:history="1">
        <w:r w:rsidRPr="00B2739F">
          <w:rPr>
            <w:rFonts w:ascii="微软雅黑" w:eastAsia="微软雅黑" w:hAnsi="微软雅黑" w:cs="宋体" w:hint="eastAsia"/>
            <w:b/>
            <w:bCs/>
            <w:color w:val="0000FF"/>
            <w:kern w:val="0"/>
            <w:sz w:val="36"/>
            <w:szCs w:val="36"/>
            <w:u w:val="single"/>
          </w:rPr>
          <w:t>在印度尼西亚国会的演讲</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青年最富有朝气、最富有梦想，青年兴则国家兴，青年强则国家强。</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36" w:tgtFrame="_blank" w:history="1">
        <w:r w:rsidRPr="00B2739F">
          <w:rPr>
            <w:rFonts w:ascii="微软雅黑" w:eastAsia="微软雅黑" w:hAnsi="微软雅黑" w:cs="宋体" w:hint="eastAsia"/>
            <w:b/>
            <w:bCs/>
            <w:color w:val="0000FF"/>
            <w:kern w:val="0"/>
            <w:sz w:val="36"/>
            <w:szCs w:val="36"/>
            <w:u w:val="single"/>
          </w:rPr>
          <w:t>在十八届中央政治局第九次集体学习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深化教育改革，推进素质教育，创新教育方法，提高人才培养质量，努力形成有利于创新人才成长的育人环境。</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37" w:tgtFrame="_blank" w:history="1">
        <w:r w:rsidRPr="00B2739F">
          <w:rPr>
            <w:rFonts w:ascii="微软雅黑" w:eastAsia="微软雅黑" w:hAnsi="微软雅黑" w:cs="宋体" w:hint="eastAsia"/>
            <w:b/>
            <w:bCs/>
            <w:color w:val="0000FF"/>
            <w:kern w:val="0"/>
            <w:sz w:val="36"/>
            <w:szCs w:val="36"/>
            <w:u w:val="single"/>
          </w:rPr>
          <w:t>在联合国“教育第一”全球倡议行动一周年纪念活动上发表视频贺词</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百年大计，教育为本。教育是人类传承文明和知识、培养年轻一代、创造美好生活的根本途径。</w:t>
      </w:r>
      <w:r w:rsidRPr="00B2739F">
        <w:rPr>
          <w:rFonts w:ascii="微软雅黑" w:eastAsia="微软雅黑" w:hAnsi="微软雅黑" w:cs="宋体" w:hint="eastAsia"/>
          <w:color w:val="000000"/>
          <w:kern w:val="0"/>
          <w:sz w:val="27"/>
          <w:szCs w:val="27"/>
        </w:rPr>
        <w:br/>
        <w:t>中国将坚定实施科教兴国战略，始终把教育摆在优先发展的战略位置，不断扩大投入，努力发展全民教育、终身教育，建设学习型社会，努力让每个孩子享有受教育的机会，努力让十三亿人民享有更好更公平的教育，获得发展自身、奉献社会、造福人民的能力。</w:t>
      </w:r>
      <w:r w:rsidRPr="00B2739F">
        <w:rPr>
          <w:rFonts w:ascii="微软雅黑" w:eastAsia="微软雅黑" w:hAnsi="微软雅黑" w:cs="宋体" w:hint="eastAsia"/>
          <w:color w:val="000000"/>
          <w:kern w:val="0"/>
          <w:sz w:val="27"/>
          <w:szCs w:val="27"/>
        </w:rPr>
        <w:br/>
        <w:t>中国将加强同世界各国的教育交流，扩大教育对外开放，积极支持发展中国家教育事业发展，同各国人民一道努力，推动人类迈向更加美好的明天。</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38" w:tgtFrame="_blank" w:history="1">
        <w:r w:rsidRPr="00B2739F">
          <w:rPr>
            <w:rFonts w:ascii="微软雅黑" w:eastAsia="微软雅黑" w:hAnsi="微软雅黑" w:cs="宋体" w:hint="eastAsia"/>
            <w:b/>
            <w:bCs/>
            <w:color w:val="0000FF"/>
            <w:kern w:val="0"/>
            <w:sz w:val="36"/>
            <w:szCs w:val="36"/>
            <w:u w:val="single"/>
          </w:rPr>
          <w:t>致全国广大教师的慰问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百年大计，教育为本。教师是立教之本、兴教之源，承担着让每个孩子健康成长、办好人民满意教育的重任。希望全国广大教师牢固树立中国特色社会主义理想信念，带头践行社会主义核心价值观，自觉增强立德树人、教书育人的荣誉感和责任感，学为人师，行为世范，做学生健康成长的指导者和引路人；牢固树立终身学习理念，加强学习，拓宽视野，更新知识，不断提高业务能力和教育教学质量，努力成为业务精湛、学生喜爱的高素质教师；牢固树立改革创新意识，踊跃投身教育创新实践，为发展具有中国特色、世界水平的现代教育作出贡献。</w:t>
      </w:r>
      <w:r w:rsidRPr="00B2739F">
        <w:rPr>
          <w:rFonts w:ascii="微软雅黑" w:eastAsia="微软雅黑" w:hAnsi="微软雅黑" w:cs="宋体" w:hint="eastAsia"/>
          <w:color w:val="000000"/>
          <w:kern w:val="0"/>
          <w:sz w:val="27"/>
          <w:szCs w:val="27"/>
        </w:rPr>
        <w:br/>
        <w:t>各级党委和政府要把加强教师队伍建设作为教育事业发展最重要的基础工作来抓，提升教师素质，改善教师待遇，关心教师健康，维护教师</w:t>
      </w:r>
      <w:r w:rsidRPr="00B2739F">
        <w:rPr>
          <w:rFonts w:ascii="微软雅黑" w:eastAsia="微软雅黑" w:hAnsi="微软雅黑" w:cs="宋体" w:hint="eastAsia"/>
          <w:color w:val="000000"/>
          <w:kern w:val="0"/>
          <w:sz w:val="27"/>
          <w:szCs w:val="27"/>
        </w:rPr>
        <w:lastRenderedPageBreak/>
        <w:t>权益，充分信任、紧紧依靠广大教师，支持优秀人才长期从教、终身从教。</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39" w:tgtFrame="_blank" w:history="1">
        <w:r w:rsidRPr="00B2739F">
          <w:rPr>
            <w:rFonts w:ascii="微软雅黑" w:eastAsia="微软雅黑" w:hAnsi="微软雅黑" w:cs="宋体" w:hint="eastAsia"/>
            <w:b/>
            <w:bCs/>
            <w:color w:val="0000FF"/>
            <w:kern w:val="0"/>
            <w:sz w:val="36"/>
            <w:szCs w:val="36"/>
            <w:u w:val="single"/>
          </w:rPr>
          <w:t>在纳扎尔巴耶夫大学的演讲</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青年是民族的未来。 知识就是力量。青年时代是学习知识、陶冶情操、增长本领的黄金时期。</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40" w:tgtFrame="_blank" w:history="1">
        <w:r w:rsidRPr="00B2739F">
          <w:rPr>
            <w:rFonts w:ascii="微软雅黑" w:eastAsia="微软雅黑" w:hAnsi="微软雅黑" w:cs="宋体" w:hint="eastAsia"/>
            <w:b/>
            <w:bCs/>
            <w:color w:val="0000FF"/>
            <w:kern w:val="0"/>
            <w:sz w:val="36"/>
            <w:szCs w:val="36"/>
            <w:u w:val="single"/>
          </w:rPr>
          <w:t>在全国宣传思想工作会议上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党校、干部学院、社会科学院、高校、理论学习中心组等都要把马克思主义作为必修课，成为马克思主义学习、研究、宣传的重要阵地。</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41" w:tgtFrame="_blank" w:history="1">
        <w:r w:rsidRPr="00B2739F">
          <w:rPr>
            <w:rFonts w:ascii="微软雅黑" w:eastAsia="微软雅黑" w:hAnsi="微软雅黑" w:cs="宋体" w:hint="eastAsia"/>
            <w:b/>
            <w:bCs/>
            <w:color w:val="0000FF"/>
            <w:kern w:val="0"/>
            <w:sz w:val="36"/>
            <w:szCs w:val="36"/>
            <w:u w:val="single"/>
          </w:rPr>
          <w:t>到中国科学院考察工作时与在读研究生的谈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我们处于一个伟大的时代，有着伟大的目标，可谓生逢其时、责任重大。希望同学们珍惜宝贵的青春年华，坚持理想，脚踏实地，既勤于学习、善于学习，打牢知识功底、积蓄前进能量，又勇于探索、勇于突破，不断认识科技世界新领地，立志报效祖国、服务人民。</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42" w:tgtFrame="_blank" w:history="1">
        <w:r w:rsidRPr="00B2739F">
          <w:rPr>
            <w:rFonts w:ascii="微软雅黑" w:eastAsia="微软雅黑" w:hAnsi="微软雅黑" w:cs="宋体" w:hint="eastAsia"/>
            <w:b/>
            <w:bCs/>
            <w:color w:val="0000FF"/>
            <w:kern w:val="0"/>
            <w:sz w:val="36"/>
            <w:szCs w:val="36"/>
            <w:u w:val="single"/>
          </w:rPr>
          <w:t>在同全国各族少年儿童代表共庆“六一”国际儿童节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每个人都是从孩子长大的。实现我们的梦想，靠我们这一代，更靠下一代。少年儿童从小就要立志向、有梦想，爱学习、爱劳动、爱祖国，德智体美全面发展，长大后做对祖国建设有用的人才。</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43" w:tgtFrame="_blank" w:history="1">
        <w:r w:rsidRPr="00B2739F">
          <w:rPr>
            <w:rFonts w:ascii="微软雅黑" w:eastAsia="微软雅黑" w:hAnsi="微软雅黑" w:cs="宋体" w:hint="eastAsia"/>
            <w:b/>
            <w:bCs/>
            <w:color w:val="0000FF"/>
            <w:kern w:val="0"/>
            <w:sz w:val="36"/>
            <w:szCs w:val="36"/>
            <w:u w:val="single"/>
          </w:rPr>
          <w:t>在天津考察工作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要切实做好以高校毕业生为重点的青年就业工作，加强城镇困难人员、退役军人、农村转移劳动力就业工作，搞好职业技能培训、完善就业服务体系，缓解结构性失业问题。当代大学生要志存高远、脚踏实地，转变择业观念，坚持从实际出发，勇于到基层一线和艰苦地方去，把人生的路一步步走稳走实，善于在平凡的岗位上创造不平凡的业绩。</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44" w:tgtFrame="_blank" w:history="1">
        <w:r w:rsidRPr="00B2739F">
          <w:rPr>
            <w:rFonts w:ascii="微软雅黑" w:eastAsia="微软雅黑" w:hAnsi="微软雅黑" w:cs="宋体" w:hint="eastAsia"/>
            <w:b/>
            <w:bCs/>
            <w:color w:val="0000FF"/>
            <w:kern w:val="0"/>
            <w:sz w:val="36"/>
            <w:szCs w:val="36"/>
            <w:u w:val="single"/>
          </w:rPr>
          <w:t>在同各界优秀青年代表座谈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广大青年要坚持面向现代化、面向世界、面向未来，增强知识更新的紧迫感，如饥似渴学习，既扎实打牢基础知识又及时更新知识，既刻苦钻研理论又积极掌握技能，不断提高与时代发展和事业要求相适应的素质和能力。</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45" w:tgtFrame="_blank" w:history="1">
        <w:r w:rsidRPr="00B2739F">
          <w:rPr>
            <w:rFonts w:ascii="微软雅黑" w:eastAsia="微软雅黑" w:hAnsi="微软雅黑" w:cs="宋体" w:hint="eastAsia"/>
            <w:b/>
            <w:bCs/>
            <w:color w:val="0000FF"/>
            <w:kern w:val="0"/>
            <w:sz w:val="36"/>
            <w:szCs w:val="36"/>
            <w:u w:val="single"/>
          </w:rPr>
          <w:t>给北京大学考古文博学院2009级本科团支部全体同学的回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中国梦是国家的梦、民族的梦，也是包括广大青年在内的每个中国人的梦。“得其大者可以兼其小。”只有把人生理想融入国家和民族的事业中，才能最终成就一番事业。希望你们珍惜韶华、奋发有为，勇做走在时代前面的奋进者、开拓者、奉献者，努力使自己成为祖国建设的有用之才、栋梁之材，为实现中国梦奉献智慧和力量。</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46" w:tgtFrame="_blank" w:history="1">
        <w:r w:rsidRPr="00B2739F">
          <w:rPr>
            <w:rFonts w:ascii="微软雅黑" w:eastAsia="微软雅黑" w:hAnsi="微软雅黑" w:cs="宋体" w:hint="eastAsia"/>
            <w:b/>
            <w:bCs/>
            <w:color w:val="0000FF"/>
            <w:kern w:val="0"/>
            <w:sz w:val="36"/>
            <w:szCs w:val="36"/>
            <w:u w:val="single"/>
          </w:rPr>
          <w:t>致清华大学苏世民学者项目启动的贺信</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教育决定着人类的今天，也决定着人类的未来。人类社会需要通过教育不断培养社会需要的人才，需要通过教育来传授已知、更新旧知、开掘新知、探索未知，从而使人们能够更好认识世界和改造世界、更好创造人类的美好未来。</w:t>
      </w:r>
      <w:r w:rsidRPr="00B2739F">
        <w:rPr>
          <w:rFonts w:ascii="微软雅黑" w:eastAsia="微软雅黑" w:hAnsi="微软雅黑" w:cs="宋体" w:hint="eastAsia"/>
          <w:color w:val="000000"/>
          <w:kern w:val="0"/>
          <w:sz w:val="27"/>
          <w:szCs w:val="27"/>
        </w:rPr>
        <w:br/>
        <w:t>教育应该顺此大势，通过更加密切的互动交流，促进对人类各种知识和文化的认知，对各民族现实奋斗和未来愿景的体认，以促进各国学生增进相互了解、树立世界眼光、激发创新灵感，确立为人类和平与发展贡献智慧和力量的远大志向。</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47" w:tgtFrame="_blank" w:history="1">
        <w:r w:rsidRPr="00B2739F">
          <w:rPr>
            <w:rFonts w:ascii="微软雅黑" w:eastAsia="微软雅黑" w:hAnsi="微软雅黑" w:cs="宋体" w:hint="eastAsia"/>
            <w:b/>
            <w:bCs/>
            <w:color w:val="0000FF"/>
            <w:kern w:val="0"/>
            <w:sz w:val="36"/>
            <w:szCs w:val="36"/>
            <w:u w:val="single"/>
          </w:rPr>
          <w:t>在参加首都义务植树活动时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身体是人生一切奋斗成功的本钱，少年儿童要注意加强体育锻炼，家庭、学校、社会都要为少年儿童增强体魄创造条件，让他们像小树那样健康成长，长大后成为建设祖国的栋梁之材。</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48" w:tgtFrame="_blank" w:history="1">
        <w:r w:rsidRPr="00B2739F">
          <w:rPr>
            <w:rFonts w:ascii="微软雅黑" w:eastAsia="微软雅黑" w:hAnsi="微软雅黑" w:cs="宋体" w:hint="eastAsia"/>
            <w:b/>
            <w:bCs/>
            <w:color w:val="0000FF"/>
            <w:kern w:val="0"/>
            <w:sz w:val="36"/>
            <w:szCs w:val="36"/>
            <w:u w:val="single"/>
          </w:rPr>
          <w:t>在第十二届全国人民代表大会第一次会议上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t>我们要随时随刻倾听人民呼声、回应人民期待，保证人民平等参与、平等发展权利，维护社会公平正义，在学有所教、劳有所得、病有所医、老有所养、住有所居上持续取得新进展，不断实现好、维护好、发展好最广大人民根本利益，使发展成果更多更公平惠及全体人民，在经济社会不断发展的基础上，朝着共同富裕方向稳步前进。</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49" w:tgtFrame="_blank" w:history="1">
        <w:r w:rsidRPr="00B2739F">
          <w:rPr>
            <w:rFonts w:ascii="微软雅黑" w:eastAsia="微软雅黑" w:hAnsi="微软雅黑" w:cs="宋体" w:hint="eastAsia"/>
            <w:b/>
            <w:bCs/>
            <w:color w:val="0000FF"/>
            <w:kern w:val="0"/>
            <w:sz w:val="36"/>
            <w:szCs w:val="36"/>
            <w:u w:val="single"/>
          </w:rPr>
          <w:t>在中央党外人士座谈会上的讲话</w:t>
        </w:r>
      </w:hyperlink>
    </w:p>
    <w:p w:rsidR="00B2739F" w:rsidRPr="00B2739F" w:rsidRDefault="00B2739F" w:rsidP="00B65A79">
      <w:pPr>
        <w:widowControl/>
        <w:spacing w:before="100" w:beforeAutospacing="1" w:after="100" w:afterAutospacing="1"/>
        <w:ind w:firstLineChars="200" w:firstLine="540"/>
        <w:jc w:val="left"/>
        <w:rPr>
          <w:rFonts w:ascii="微软雅黑" w:eastAsia="微软雅黑" w:hAnsi="微软雅黑" w:cs="宋体" w:hint="eastAsia"/>
          <w:color w:val="000000"/>
          <w:kern w:val="0"/>
          <w:sz w:val="27"/>
          <w:szCs w:val="27"/>
        </w:rPr>
      </w:pPr>
      <w:r w:rsidRPr="00B2739F">
        <w:rPr>
          <w:rFonts w:ascii="微软雅黑" w:eastAsia="微软雅黑" w:hAnsi="微软雅黑" w:cs="宋体" w:hint="eastAsia"/>
          <w:color w:val="000000"/>
          <w:kern w:val="0"/>
          <w:sz w:val="27"/>
          <w:szCs w:val="27"/>
        </w:rPr>
        <w:lastRenderedPageBreak/>
        <w:t>要大力保障和改善民生，重点保障低收入群众基本生活，做好高校大学生生活困难补助，注重稳定和扩大就业，加强城乡社会保障体系建设，引导群众树立通过勤劳致富改善生活的信念，从而使改善民生既是党和政府工作的方向，又成为广大人民群众自身奋斗的目标。</w:t>
      </w:r>
    </w:p>
    <w:p w:rsidR="00B2739F" w:rsidRPr="00B2739F" w:rsidRDefault="00B2739F" w:rsidP="00B65A79">
      <w:pPr>
        <w:widowControl/>
        <w:spacing w:before="100" w:beforeAutospacing="1" w:after="100" w:afterAutospacing="1"/>
        <w:ind w:firstLineChars="200" w:firstLine="720"/>
        <w:jc w:val="left"/>
        <w:outlineLvl w:val="1"/>
        <w:rPr>
          <w:rFonts w:ascii="微软雅黑" w:eastAsia="微软雅黑" w:hAnsi="微软雅黑" w:cs="宋体" w:hint="eastAsia"/>
          <w:b/>
          <w:bCs/>
          <w:color w:val="000000"/>
          <w:kern w:val="0"/>
          <w:sz w:val="36"/>
          <w:szCs w:val="36"/>
        </w:rPr>
      </w:pPr>
      <w:hyperlink r:id="rId150" w:tgtFrame="_blank" w:history="1">
        <w:r w:rsidRPr="00B2739F">
          <w:rPr>
            <w:rFonts w:ascii="微软雅黑" w:eastAsia="微软雅黑" w:hAnsi="微软雅黑" w:cs="宋体" w:hint="eastAsia"/>
            <w:b/>
            <w:bCs/>
            <w:color w:val="0000FF"/>
            <w:kern w:val="0"/>
            <w:sz w:val="36"/>
            <w:szCs w:val="36"/>
            <w:u w:val="single"/>
          </w:rPr>
          <w:t>在十八届中央政治局常委同中外记者见面时的讲话</w:t>
        </w:r>
      </w:hyperlink>
    </w:p>
    <w:p w:rsidR="00E66AA3" w:rsidRPr="00B2739F" w:rsidRDefault="00B2739F" w:rsidP="00B65A79">
      <w:pPr>
        <w:widowControl/>
        <w:spacing w:before="100" w:beforeAutospacing="1" w:after="100" w:afterAutospacing="1"/>
        <w:ind w:firstLineChars="200" w:firstLine="540"/>
        <w:jc w:val="left"/>
        <w:rPr>
          <w:rFonts w:ascii="微软雅黑" w:eastAsia="微软雅黑" w:hAnsi="微软雅黑" w:cs="宋体"/>
          <w:color w:val="000000"/>
          <w:kern w:val="0"/>
          <w:sz w:val="27"/>
          <w:szCs w:val="27"/>
        </w:rPr>
      </w:pPr>
      <w:r w:rsidRPr="00B2739F">
        <w:rPr>
          <w:rFonts w:ascii="微软雅黑" w:eastAsia="微软雅黑" w:hAnsi="微软雅黑" w:cs="宋体" w:hint="eastAsia"/>
          <w:color w:val="000000"/>
          <w:kern w:val="0"/>
          <w:sz w:val="27"/>
          <w:szCs w:val="27"/>
        </w:rPr>
        <w:t>我们的人民热爱生活，期盼有更好的教育、更稳定的工作、更满意的收入、更可靠的社会保障、更高水平的医疗卫生服务、更舒适的居住条件、更优美的环境，期盼孩子们能成长得更好、工作得更好、生活得更好。人民对美好生活的向往，就是我们的奋斗目标。</w:t>
      </w:r>
    </w:p>
    <w:sectPr w:rsidR="00E66AA3" w:rsidRPr="00B2739F">
      <w:pgSz w:w="11906" w:h="16838"/>
      <w:pgMar w:top="1440" w:right="1800" w:bottom="1440" w:left="1800" w:header="851" w:footer="992" w:gutter="0"/>
      <w:cols w:space="425"/>
      <w:docGrid w:type="lines" w:linePitch="312"/>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102401" w:rsidRDefault="00102401" w:rsidP="00B2739F">
      <w:r>
        <w:separator/>
      </w:r>
    </w:p>
  </w:endnote>
  <w:endnote w:type="continuationSeparator" w:id="1">
    <w:p w:rsidR="00102401" w:rsidRDefault="00102401" w:rsidP="00B2739F">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微软雅黑">
    <w:panose1 w:val="020B0503020204020204"/>
    <w:charset w:val="86"/>
    <w:family w:val="swiss"/>
    <w:pitch w:val="variable"/>
    <w:sig w:usb0="80000287" w:usb1="2ACF3C50" w:usb2="00000016" w:usb3="00000000" w:csb0="0004001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102401" w:rsidRDefault="00102401" w:rsidP="00B2739F">
      <w:r>
        <w:separator/>
      </w:r>
    </w:p>
  </w:footnote>
  <w:footnote w:type="continuationSeparator" w:id="1">
    <w:p w:rsidR="00102401" w:rsidRDefault="00102401" w:rsidP="00B2739F">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37E80068"/>
    <w:multiLevelType w:val="multilevel"/>
    <w:tmpl w:val="6886737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1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3074"/>
  </w:hdrShapeDefaults>
  <w:footnotePr>
    <w:footnote w:id="0"/>
    <w:footnote w:id="1"/>
  </w:footnotePr>
  <w:endnotePr>
    <w:endnote w:id="0"/>
    <w:endnote w:id="1"/>
  </w:endnotePr>
  <w:compat>
    <w:spaceForUL/>
    <w:balanceSingleByteDoubleByteWidth/>
    <w:doNotLeaveBackslashAlone/>
    <w:ulTrailSpace/>
    <w:doNotExpandShiftReturn/>
    <w:adjustLineHeightInTable/>
    <w:useFELayout/>
  </w:compat>
  <w:rsids>
    <w:rsidRoot w:val="00B2739F"/>
    <w:rsid w:val="00102401"/>
    <w:rsid w:val="002C2B27"/>
    <w:rsid w:val="00661AD2"/>
    <w:rsid w:val="00AE23B6"/>
    <w:rsid w:val="00B2739F"/>
    <w:rsid w:val="00B65A79"/>
    <w:rsid w:val="00B70BFE"/>
    <w:rsid w:val="00DE3EC1"/>
    <w:rsid w:val="00E66AA3"/>
    <w:rsid w:val="00F41132"/>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3074"/>
    <o:shapelayout v:ext="edit">
      <o:idmap v:ext="edit" data="2"/>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paragraph" w:styleId="2">
    <w:name w:val="heading 2"/>
    <w:basedOn w:val="a"/>
    <w:link w:val="2Char"/>
    <w:uiPriority w:val="9"/>
    <w:qFormat/>
    <w:rsid w:val="00B2739F"/>
    <w:pPr>
      <w:widowControl/>
      <w:spacing w:before="100" w:beforeAutospacing="1" w:after="100" w:afterAutospacing="1"/>
      <w:jc w:val="left"/>
      <w:outlineLvl w:val="1"/>
    </w:pPr>
    <w:rPr>
      <w:rFonts w:ascii="宋体" w:eastAsia="宋体" w:hAnsi="宋体" w:cs="宋体"/>
      <w:b/>
      <w:bCs/>
      <w:kern w:val="0"/>
      <w:sz w:val="36"/>
      <w:szCs w:val="36"/>
    </w:r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2Char">
    <w:name w:val="标题 2 Char"/>
    <w:basedOn w:val="a0"/>
    <w:link w:val="2"/>
    <w:uiPriority w:val="9"/>
    <w:rsid w:val="00B2739F"/>
    <w:rPr>
      <w:rFonts w:ascii="宋体" w:eastAsia="宋体" w:hAnsi="宋体" w:cs="宋体"/>
      <w:b/>
      <w:bCs/>
      <w:kern w:val="0"/>
      <w:sz w:val="36"/>
      <w:szCs w:val="36"/>
    </w:rPr>
  </w:style>
  <w:style w:type="paragraph" w:styleId="a3">
    <w:name w:val="header"/>
    <w:basedOn w:val="a"/>
    <w:link w:val="Char"/>
    <w:uiPriority w:val="99"/>
    <w:semiHidden/>
    <w:unhideWhenUsed/>
    <w:rsid w:val="00B2739F"/>
    <w:pPr>
      <w:pBdr>
        <w:bottom w:val="single" w:sz="6" w:space="1" w:color="auto"/>
      </w:pBdr>
      <w:tabs>
        <w:tab w:val="center" w:pos="4153"/>
        <w:tab w:val="right" w:pos="8306"/>
      </w:tabs>
      <w:snapToGrid w:val="0"/>
      <w:jc w:val="center"/>
    </w:pPr>
    <w:rPr>
      <w:sz w:val="18"/>
      <w:szCs w:val="18"/>
    </w:rPr>
  </w:style>
  <w:style w:type="character" w:customStyle="1" w:styleId="Char">
    <w:name w:val="页眉 Char"/>
    <w:basedOn w:val="a0"/>
    <w:link w:val="a3"/>
    <w:uiPriority w:val="99"/>
    <w:semiHidden/>
    <w:rsid w:val="00B2739F"/>
    <w:rPr>
      <w:sz w:val="18"/>
      <w:szCs w:val="18"/>
    </w:rPr>
  </w:style>
  <w:style w:type="paragraph" w:styleId="a4">
    <w:name w:val="footer"/>
    <w:basedOn w:val="a"/>
    <w:link w:val="Char0"/>
    <w:uiPriority w:val="99"/>
    <w:semiHidden/>
    <w:unhideWhenUsed/>
    <w:rsid w:val="00B2739F"/>
    <w:pPr>
      <w:tabs>
        <w:tab w:val="center" w:pos="4153"/>
        <w:tab w:val="right" w:pos="8306"/>
      </w:tabs>
      <w:snapToGrid w:val="0"/>
      <w:jc w:val="left"/>
    </w:pPr>
    <w:rPr>
      <w:sz w:val="18"/>
      <w:szCs w:val="18"/>
    </w:rPr>
  </w:style>
  <w:style w:type="character" w:customStyle="1" w:styleId="Char0">
    <w:name w:val="页脚 Char"/>
    <w:basedOn w:val="a0"/>
    <w:link w:val="a4"/>
    <w:uiPriority w:val="99"/>
    <w:semiHidden/>
    <w:rsid w:val="00B2739F"/>
    <w:rPr>
      <w:sz w:val="18"/>
      <w:szCs w:val="18"/>
    </w:rPr>
  </w:style>
  <w:style w:type="character" w:styleId="a5">
    <w:name w:val="Hyperlink"/>
    <w:basedOn w:val="a0"/>
    <w:uiPriority w:val="99"/>
    <w:semiHidden/>
    <w:unhideWhenUsed/>
    <w:rsid w:val="00B2739F"/>
    <w:rPr>
      <w:color w:val="0000FF"/>
      <w:u w:val="single"/>
    </w:rPr>
  </w:style>
  <w:style w:type="character" w:customStyle="1" w:styleId="right">
    <w:name w:val="right"/>
    <w:basedOn w:val="a0"/>
    <w:rsid w:val="00B2739F"/>
  </w:style>
  <w:style w:type="paragraph" w:styleId="a6">
    <w:name w:val="Normal (Web)"/>
    <w:basedOn w:val="a"/>
    <w:uiPriority w:val="99"/>
    <w:semiHidden/>
    <w:unhideWhenUsed/>
    <w:rsid w:val="00B2739F"/>
    <w:pPr>
      <w:widowControl/>
      <w:spacing w:before="100" w:beforeAutospacing="1" w:after="100" w:afterAutospacing="1"/>
      <w:jc w:val="left"/>
    </w:pPr>
    <w:rPr>
      <w:rFonts w:ascii="宋体" w:eastAsia="宋体" w:hAnsi="宋体" w:cs="宋体"/>
      <w:kern w:val="0"/>
      <w:sz w:val="24"/>
      <w:szCs w:val="24"/>
    </w:rPr>
  </w:style>
</w:styles>
</file>

<file path=word/webSettings.xml><?xml version="1.0" encoding="utf-8"?>
<w:webSettings xmlns:r="http://schemas.openxmlformats.org/officeDocument/2006/relationships" xmlns:w="http://schemas.openxmlformats.org/wordprocessingml/2006/main">
  <w:divs>
    <w:div w:id="1507593276">
      <w:bodyDiv w:val="1"/>
      <w:marLeft w:val="0"/>
      <w:marRight w:val="0"/>
      <w:marTop w:val="0"/>
      <w:marBottom w:val="0"/>
      <w:divBdr>
        <w:top w:val="none" w:sz="0" w:space="0" w:color="auto"/>
        <w:left w:val="none" w:sz="0" w:space="0" w:color="auto"/>
        <w:bottom w:val="none" w:sz="0" w:space="0" w:color="auto"/>
        <w:right w:val="none" w:sz="0" w:space="0" w:color="auto"/>
      </w:divBdr>
      <w:divsChild>
        <w:div w:id="1262031433">
          <w:marLeft w:val="0"/>
          <w:marRight w:val="0"/>
          <w:marTop w:val="0"/>
          <w:marBottom w:val="0"/>
          <w:divBdr>
            <w:top w:val="none" w:sz="0" w:space="0" w:color="auto"/>
            <w:left w:val="none" w:sz="0" w:space="0" w:color="auto"/>
            <w:bottom w:val="none" w:sz="0" w:space="0" w:color="auto"/>
            <w:right w:val="none" w:sz="0" w:space="0" w:color="auto"/>
          </w:divBdr>
          <w:divsChild>
            <w:div w:id="738793989">
              <w:marLeft w:val="0"/>
              <w:marRight w:val="0"/>
              <w:marTop w:val="0"/>
              <w:marBottom w:val="0"/>
              <w:divBdr>
                <w:top w:val="none" w:sz="0" w:space="0" w:color="auto"/>
                <w:left w:val="none" w:sz="0" w:space="0" w:color="auto"/>
                <w:bottom w:val="none" w:sz="0" w:space="0" w:color="auto"/>
                <w:right w:val="none" w:sz="0" w:space="0" w:color="auto"/>
              </w:divBdr>
            </w:div>
          </w:divsChild>
        </w:div>
        <w:div w:id="1133137884">
          <w:marLeft w:val="0"/>
          <w:marRight w:val="0"/>
          <w:marTop w:val="0"/>
          <w:marBottom w:val="0"/>
          <w:divBdr>
            <w:top w:val="none" w:sz="0" w:space="0" w:color="auto"/>
            <w:left w:val="none" w:sz="0" w:space="0" w:color="auto"/>
            <w:bottom w:val="none" w:sz="0" w:space="0" w:color="auto"/>
            <w:right w:val="none" w:sz="0" w:space="0" w:color="auto"/>
          </w:divBdr>
          <w:divsChild>
            <w:div w:id="2080442470">
              <w:marLeft w:val="0"/>
              <w:marRight w:val="0"/>
              <w:marTop w:val="0"/>
              <w:marBottom w:val="0"/>
              <w:divBdr>
                <w:top w:val="none" w:sz="0" w:space="0" w:color="auto"/>
                <w:left w:val="none" w:sz="0" w:space="0" w:color="auto"/>
                <w:bottom w:val="none" w:sz="0" w:space="0" w:color="auto"/>
                <w:right w:val="none" w:sz="0" w:space="0" w:color="auto"/>
              </w:divBdr>
            </w:div>
            <w:div w:id="1680499895">
              <w:marLeft w:val="0"/>
              <w:marRight w:val="0"/>
              <w:marTop w:val="0"/>
              <w:marBottom w:val="0"/>
              <w:divBdr>
                <w:top w:val="none" w:sz="0" w:space="0" w:color="auto"/>
                <w:left w:val="none" w:sz="0" w:space="0" w:color="auto"/>
                <w:bottom w:val="none" w:sz="0" w:space="0" w:color="auto"/>
                <w:right w:val="none" w:sz="0" w:space="0" w:color="auto"/>
              </w:divBdr>
              <w:divsChild>
                <w:div w:id="635067981">
                  <w:marLeft w:val="0"/>
                  <w:marRight w:val="0"/>
                  <w:marTop w:val="0"/>
                  <w:marBottom w:val="0"/>
                  <w:divBdr>
                    <w:top w:val="none" w:sz="0" w:space="0" w:color="auto"/>
                    <w:left w:val="none" w:sz="0" w:space="0" w:color="auto"/>
                    <w:bottom w:val="none" w:sz="0" w:space="0" w:color="auto"/>
                    <w:right w:val="none" w:sz="0" w:space="0" w:color="auto"/>
                  </w:divBdr>
                  <w:divsChild>
                    <w:div w:id="47264085">
                      <w:marLeft w:val="0"/>
                      <w:marRight w:val="0"/>
                      <w:marTop w:val="0"/>
                      <w:marBottom w:val="0"/>
                      <w:divBdr>
                        <w:top w:val="none" w:sz="0" w:space="0" w:color="auto"/>
                        <w:left w:val="none" w:sz="0" w:space="0" w:color="auto"/>
                        <w:bottom w:val="none" w:sz="0" w:space="0" w:color="auto"/>
                        <w:right w:val="none" w:sz="0" w:space="0" w:color="auto"/>
                      </w:divBdr>
                    </w:div>
                    <w:div w:id="1352220494">
                      <w:marLeft w:val="0"/>
                      <w:marRight w:val="0"/>
                      <w:marTop w:val="0"/>
                      <w:marBottom w:val="0"/>
                      <w:divBdr>
                        <w:top w:val="none" w:sz="0" w:space="0" w:color="auto"/>
                        <w:left w:val="none" w:sz="0" w:space="0" w:color="auto"/>
                        <w:bottom w:val="none" w:sz="0" w:space="0" w:color="auto"/>
                        <w:right w:val="none" w:sz="0" w:space="0" w:color="auto"/>
                      </w:divBdr>
                      <w:divsChild>
                        <w:div w:id="780762953">
                          <w:marLeft w:val="0"/>
                          <w:marRight w:val="0"/>
                          <w:marTop w:val="0"/>
                          <w:marBottom w:val="0"/>
                          <w:divBdr>
                            <w:top w:val="none" w:sz="0" w:space="0" w:color="auto"/>
                            <w:left w:val="none" w:sz="0" w:space="0" w:color="auto"/>
                            <w:bottom w:val="none" w:sz="0" w:space="0" w:color="auto"/>
                            <w:right w:val="none" w:sz="0" w:space="0" w:color="auto"/>
                          </w:divBdr>
                          <w:divsChild>
                            <w:div w:id="770245610">
                              <w:marLeft w:val="0"/>
                              <w:marRight w:val="0"/>
                              <w:marTop w:val="0"/>
                              <w:marBottom w:val="0"/>
                              <w:divBdr>
                                <w:top w:val="none" w:sz="0" w:space="0" w:color="auto"/>
                                <w:left w:val="none" w:sz="0" w:space="0" w:color="auto"/>
                                <w:bottom w:val="none" w:sz="0" w:space="0" w:color="auto"/>
                                <w:right w:val="none" w:sz="0" w:space="0" w:color="auto"/>
                              </w:divBdr>
                            </w:div>
                          </w:divsChild>
                        </w:div>
                        <w:div w:id="290552933">
                          <w:marLeft w:val="0"/>
                          <w:marRight w:val="0"/>
                          <w:marTop w:val="0"/>
                          <w:marBottom w:val="0"/>
                          <w:divBdr>
                            <w:top w:val="none" w:sz="0" w:space="0" w:color="auto"/>
                            <w:left w:val="none" w:sz="0" w:space="0" w:color="auto"/>
                            <w:bottom w:val="none" w:sz="0" w:space="0" w:color="auto"/>
                            <w:right w:val="none" w:sz="0" w:space="0" w:color="auto"/>
                          </w:divBdr>
                          <w:divsChild>
                            <w:div w:id="1190993569">
                              <w:marLeft w:val="0"/>
                              <w:marRight w:val="0"/>
                              <w:marTop w:val="0"/>
                              <w:marBottom w:val="0"/>
                              <w:divBdr>
                                <w:top w:val="none" w:sz="0" w:space="0" w:color="auto"/>
                                <w:left w:val="none" w:sz="0" w:space="0" w:color="auto"/>
                                <w:bottom w:val="none" w:sz="0" w:space="0" w:color="auto"/>
                                <w:right w:val="none" w:sz="0" w:space="0" w:color="auto"/>
                              </w:divBdr>
                            </w:div>
                          </w:divsChild>
                        </w:div>
                        <w:div w:id="1581597790">
                          <w:marLeft w:val="0"/>
                          <w:marRight w:val="0"/>
                          <w:marTop w:val="0"/>
                          <w:marBottom w:val="0"/>
                          <w:divBdr>
                            <w:top w:val="none" w:sz="0" w:space="0" w:color="auto"/>
                            <w:left w:val="none" w:sz="0" w:space="0" w:color="auto"/>
                            <w:bottom w:val="none" w:sz="0" w:space="0" w:color="auto"/>
                            <w:right w:val="none" w:sz="0" w:space="0" w:color="auto"/>
                          </w:divBdr>
                        </w:div>
                        <w:div w:id="1628047021">
                          <w:marLeft w:val="0"/>
                          <w:marRight w:val="0"/>
                          <w:marTop w:val="0"/>
                          <w:marBottom w:val="0"/>
                          <w:divBdr>
                            <w:top w:val="none" w:sz="0" w:space="0" w:color="auto"/>
                            <w:left w:val="none" w:sz="0" w:space="0" w:color="auto"/>
                            <w:bottom w:val="none" w:sz="0" w:space="0" w:color="auto"/>
                            <w:right w:val="none" w:sz="0" w:space="0" w:color="auto"/>
                          </w:divBdr>
                        </w:div>
                        <w:div w:id="781144322">
                          <w:marLeft w:val="0"/>
                          <w:marRight w:val="0"/>
                          <w:marTop w:val="0"/>
                          <w:marBottom w:val="0"/>
                          <w:divBdr>
                            <w:top w:val="none" w:sz="0" w:space="0" w:color="auto"/>
                            <w:left w:val="none" w:sz="0" w:space="0" w:color="auto"/>
                            <w:bottom w:val="none" w:sz="0" w:space="0" w:color="auto"/>
                            <w:right w:val="none" w:sz="0" w:space="0" w:color="auto"/>
                          </w:divBdr>
                        </w:div>
                        <w:div w:id="1308318379">
                          <w:marLeft w:val="0"/>
                          <w:marRight w:val="0"/>
                          <w:marTop w:val="0"/>
                          <w:marBottom w:val="0"/>
                          <w:divBdr>
                            <w:top w:val="none" w:sz="0" w:space="0" w:color="auto"/>
                            <w:left w:val="none" w:sz="0" w:space="0" w:color="auto"/>
                            <w:bottom w:val="none" w:sz="0" w:space="0" w:color="auto"/>
                            <w:right w:val="none" w:sz="0" w:space="0" w:color="auto"/>
                          </w:divBdr>
                        </w:div>
                        <w:div w:id="73822823">
                          <w:marLeft w:val="0"/>
                          <w:marRight w:val="0"/>
                          <w:marTop w:val="0"/>
                          <w:marBottom w:val="0"/>
                          <w:divBdr>
                            <w:top w:val="none" w:sz="0" w:space="0" w:color="auto"/>
                            <w:left w:val="none" w:sz="0" w:space="0" w:color="auto"/>
                            <w:bottom w:val="none" w:sz="0" w:space="0" w:color="auto"/>
                            <w:right w:val="none" w:sz="0" w:space="0" w:color="auto"/>
                          </w:divBdr>
                        </w:div>
                        <w:div w:id="1977491448">
                          <w:marLeft w:val="0"/>
                          <w:marRight w:val="0"/>
                          <w:marTop w:val="0"/>
                          <w:marBottom w:val="0"/>
                          <w:divBdr>
                            <w:top w:val="none" w:sz="0" w:space="0" w:color="auto"/>
                            <w:left w:val="none" w:sz="0" w:space="0" w:color="auto"/>
                            <w:bottom w:val="none" w:sz="0" w:space="0" w:color="auto"/>
                            <w:right w:val="none" w:sz="0" w:space="0" w:color="auto"/>
                          </w:divBdr>
                        </w:div>
                        <w:div w:id="127361395">
                          <w:marLeft w:val="0"/>
                          <w:marRight w:val="0"/>
                          <w:marTop w:val="0"/>
                          <w:marBottom w:val="0"/>
                          <w:divBdr>
                            <w:top w:val="none" w:sz="0" w:space="0" w:color="auto"/>
                            <w:left w:val="none" w:sz="0" w:space="0" w:color="auto"/>
                            <w:bottom w:val="none" w:sz="0" w:space="0" w:color="auto"/>
                            <w:right w:val="none" w:sz="0" w:space="0" w:color="auto"/>
                          </w:divBdr>
                        </w:div>
                        <w:div w:id="339086595">
                          <w:marLeft w:val="0"/>
                          <w:marRight w:val="0"/>
                          <w:marTop w:val="0"/>
                          <w:marBottom w:val="0"/>
                          <w:divBdr>
                            <w:top w:val="none" w:sz="0" w:space="0" w:color="auto"/>
                            <w:left w:val="none" w:sz="0" w:space="0" w:color="auto"/>
                            <w:bottom w:val="none" w:sz="0" w:space="0" w:color="auto"/>
                            <w:right w:val="none" w:sz="0" w:space="0" w:color="auto"/>
                          </w:divBdr>
                        </w:div>
                        <w:div w:id="10069079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246178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webSettings>
</file>

<file path=word/_rels/document.xml.rels><?xml version="1.0" encoding="UTF-8" standalone="yes"?>
<Relationships xmlns="http://schemas.openxmlformats.org/package/2006/relationships"><Relationship Id="rId26" Type="http://schemas.openxmlformats.org/officeDocument/2006/relationships/hyperlink" Target="file:///C:\..\s6052\moe_838\202104\t20210413_526123.html" TargetMode="External"/><Relationship Id="rId117" Type="http://schemas.openxmlformats.org/officeDocument/2006/relationships/hyperlink" Target="file:///C:\..\s6052\moe_838\201405\t20140505_167908.html" TargetMode="External"/><Relationship Id="rId21" Type="http://schemas.openxmlformats.org/officeDocument/2006/relationships/hyperlink" Target="file:///C:\..\s6052\moe_838\202105\t20210531_534366.html" TargetMode="External"/><Relationship Id="rId42" Type="http://schemas.openxmlformats.org/officeDocument/2006/relationships/hyperlink" Target="file:///C:\..\s6052\moe_838\202006\t20200607_463553.html" TargetMode="External"/><Relationship Id="rId47" Type="http://schemas.openxmlformats.org/officeDocument/2006/relationships/hyperlink" Target="file:///C:\..\s6052\moe_838\202003\t20200316_431791.html" TargetMode="External"/><Relationship Id="rId63" Type="http://schemas.openxmlformats.org/officeDocument/2006/relationships/hyperlink" Target="file:///C:\..\s6052\moe_838\201903\t20190318_373973.html" TargetMode="External"/><Relationship Id="rId68" Type="http://schemas.openxmlformats.org/officeDocument/2006/relationships/hyperlink" Target="file:///C:\..\moe_176\201810\t20181015_351474.html" TargetMode="External"/><Relationship Id="rId84" Type="http://schemas.openxmlformats.org/officeDocument/2006/relationships/hyperlink" Target="file:///C:\..\s6052\moe_838\201708\t20170815_311187.html" TargetMode="External"/><Relationship Id="rId89" Type="http://schemas.openxmlformats.org/officeDocument/2006/relationships/hyperlink" Target="file:///C:\..\s6052\moe_838\201609\t20160910_280694.html" TargetMode="External"/><Relationship Id="rId112" Type="http://schemas.openxmlformats.org/officeDocument/2006/relationships/hyperlink" Target="file:///C:\..\s6052\moe_838\201412\t20141213_181536.html" TargetMode="External"/><Relationship Id="rId133" Type="http://schemas.openxmlformats.org/officeDocument/2006/relationships/hyperlink" Target="file:///C:\Users\a\Desktop\s8420\201410\t20141024_177246.html" TargetMode="External"/><Relationship Id="rId138" Type="http://schemas.openxmlformats.org/officeDocument/2006/relationships/hyperlink" Target="file:///C:\Users\a\Desktop\s8420\201410\t20141024_177240.html" TargetMode="External"/><Relationship Id="rId16" Type="http://schemas.openxmlformats.org/officeDocument/2006/relationships/hyperlink" Target="file:///C:\..\s6052\moe_838\202109\t20210915_563399.html" TargetMode="External"/><Relationship Id="rId107" Type="http://schemas.openxmlformats.org/officeDocument/2006/relationships/hyperlink" Target="file:///C:\..\moe_176\201504\t20150429_187611.html" TargetMode="External"/><Relationship Id="rId11" Type="http://schemas.openxmlformats.org/officeDocument/2006/relationships/hyperlink" Target="file:///C:\..\s6052\moe_838\202203\t20220331_612368.html" TargetMode="External"/><Relationship Id="rId32" Type="http://schemas.openxmlformats.org/officeDocument/2006/relationships/hyperlink" Target="file:///C:\..\s6052\moe_838\202011\t20201103_497920.html" TargetMode="External"/><Relationship Id="rId37" Type="http://schemas.openxmlformats.org/officeDocument/2006/relationships/hyperlink" Target="file:///C:\..\s6052\moe_838\202008\t20200818_478655.html" TargetMode="External"/><Relationship Id="rId53" Type="http://schemas.openxmlformats.org/officeDocument/2006/relationships/hyperlink" Target="file:///C:\..\s6052\moe_838\201909\t20190924_400484.html" TargetMode="External"/><Relationship Id="rId58" Type="http://schemas.openxmlformats.org/officeDocument/2006/relationships/hyperlink" Target="file:///C:\..\s6052\moe_838\201906\t20190601_384045.html" TargetMode="External"/><Relationship Id="rId74" Type="http://schemas.openxmlformats.org/officeDocument/2006/relationships/hyperlink" Target="file:///C:\..\s6052\moe_838\201805\t20180503_334987.html" TargetMode="External"/><Relationship Id="rId79" Type="http://schemas.openxmlformats.org/officeDocument/2006/relationships/hyperlink" Target="file:///C:\..\moe_176\201710\t20171019_316766.html" TargetMode="External"/><Relationship Id="rId102" Type="http://schemas.openxmlformats.org/officeDocument/2006/relationships/hyperlink" Target="file:///C:\Users\a\Desktop\xxgcxjp_2015nxjpzsjgyjygzxlzyjh\201508\t20150819_201150.html" TargetMode="External"/><Relationship Id="rId123" Type="http://schemas.openxmlformats.org/officeDocument/2006/relationships/hyperlink" Target="file:///C:\Users\a\Desktop\s8419\201410\t20141024_177213.html" TargetMode="External"/><Relationship Id="rId128" Type="http://schemas.openxmlformats.org/officeDocument/2006/relationships/hyperlink" Target="file:///C:\Users\a\Desktop\s8420\201410\t20141024_177252.html" TargetMode="External"/><Relationship Id="rId144" Type="http://schemas.openxmlformats.org/officeDocument/2006/relationships/hyperlink" Target="file:///C:\Users\a\Desktop\s8420\201410\t20141024_177233.html" TargetMode="External"/><Relationship Id="rId149" Type="http://schemas.openxmlformats.org/officeDocument/2006/relationships/hyperlink" Target="file:///C:\Users\a\Desktop\s8421\201410\t20141024_177265.html" TargetMode="External"/><Relationship Id="rId5" Type="http://schemas.openxmlformats.org/officeDocument/2006/relationships/footnotes" Target="footnotes.xml"/><Relationship Id="rId90" Type="http://schemas.openxmlformats.org/officeDocument/2006/relationships/hyperlink" Target="file:///C:\..\moe_176\201606\t20160601_247250.html" TargetMode="External"/><Relationship Id="rId95" Type="http://schemas.openxmlformats.org/officeDocument/2006/relationships/hyperlink" Target="file:///C:\..\s6052\moe_838\201604\t20160427_240409.html" TargetMode="External"/><Relationship Id="rId22" Type="http://schemas.openxmlformats.org/officeDocument/2006/relationships/hyperlink" Target="file:///C:\..\s6052\moe_838\202105\t20210521_532904.html" TargetMode="External"/><Relationship Id="rId27" Type="http://schemas.openxmlformats.org/officeDocument/2006/relationships/hyperlink" Target="file:///C:\..\s6052\moe_838\202104\t20210406_524646.html" TargetMode="External"/><Relationship Id="rId43" Type="http://schemas.openxmlformats.org/officeDocument/2006/relationships/hyperlink" Target="file:///C:\..\s6052\moe_838\202005\t20200531_460964.html" TargetMode="External"/><Relationship Id="rId48" Type="http://schemas.openxmlformats.org/officeDocument/2006/relationships/hyperlink" Target="file:///C:\..\s6052\moe_838\202002\t20200223_423307.html" TargetMode="External"/><Relationship Id="rId64" Type="http://schemas.openxmlformats.org/officeDocument/2006/relationships/hyperlink" Target="file:///C:\..\s6052\moe_838\201903\t20190318_373955.html" TargetMode="External"/><Relationship Id="rId69" Type="http://schemas.openxmlformats.org/officeDocument/2006/relationships/hyperlink" Target="file:///C:\..\s6052\moe_838\201809\t20180910_348145.html" TargetMode="External"/><Relationship Id="rId113" Type="http://schemas.openxmlformats.org/officeDocument/2006/relationships/hyperlink" Target="file:///C:\..\moe_176\201409\t20140910_174733.html" TargetMode="External"/><Relationship Id="rId118" Type="http://schemas.openxmlformats.org/officeDocument/2006/relationships/hyperlink" Target="file:///C:\..\s6052\moe_838\201405\t20140504_167820.html" TargetMode="External"/><Relationship Id="rId134" Type="http://schemas.openxmlformats.org/officeDocument/2006/relationships/hyperlink" Target="file:///C:\Users\a\Desktop\s8420\201410\t20141024_177244.html" TargetMode="External"/><Relationship Id="rId139" Type="http://schemas.openxmlformats.org/officeDocument/2006/relationships/hyperlink" Target="file:///C:\Users\a\Desktop\s8420\201410\t20141024_177239.html" TargetMode="External"/><Relationship Id="rId80" Type="http://schemas.openxmlformats.org/officeDocument/2006/relationships/hyperlink" Target="file:///C:\..\moe_176\201710\t20171018_316735.html" TargetMode="External"/><Relationship Id="rId85" Type="http://schemas.openxmlformats.org/officeDocument/2006/relationships/hyperlink" Target="file:///C:\..\s6052\moe_838\201705\t20170526_305837.html" TargetMode="External"/><Relationship Id="rId150" Type="http://schemas.openxmlformats.org/officeDocument/2006/relationships/hyperlink" Target="file:///C:\Users\a\Desktop\s8421\201410\t20141024_177262.html" TargetMode="External"/><Relationship Id="rId12" Type="http://schemas.openxmlformats.org/officeDocument/2006/relationships/hyperlink" Target="file:///C:\..\s6052\moe_838\202202\t20220228_603179.html" TargetMode="External"/><Relationship Id="rId17" Type="http://schemas.openxmlformats.org/officeDocument/2006/relationships/hyperlink" Target="file:///C:\..\s6052\moe_838\202109\t20210909_561248.html" TargetMode="External"/><Relationship Id="rId25" Type="http://schemas.openxmlformats.org/officeDocument/2006/relationships/hyperlink" Target="http://www.moe.gov.cn/jyb_xwfb/s6052/moe_838/202104/t20210419_527148.html" TargetMode="External"/><Relationship Id="rId33" Type="http://schemas.openxmlformats.org/officeDocument/2006/relationships/hyperlink" Target="file:///C:\..\s6052\moe_838\202010\t20201025_496495.html" TargetMode="External"/><Relationship Id="rId38" Type="http://schemas.openxmlformats.org/officeDocument/2006/relationships/hyperlink" Target="file:///C:\..\s6052\moe_838\202007\t20200729_475754.html" TargetMode="External"/><Relationship Id="rId46" Type="http://schemas.openxmlformats.org/officeDocument/2006/relationships/hyperlink" Target="file:///C:\..\s6052\moe_838\202004\t20200422_445612.html" TargetMode="External"/><Relationship Id="rId59" Type="http://schemas.openxmlformats.org/officeDocument/2006/relationships/hyperlink" Target="file:///C:\..\s6052\moe_838\201905\t20190516_382241.html" TargetMode="External"/><Relationship Id="rId67" Type="http://schemas.openxmlformats.org/officeDocument/2006/relationships/hyperlink" Target="file:///C:\..\s6052\moe_838\201902\t20190228_371596.html" TargetMode="External"/><Relationship Id="rId103" Type="http://schemas.openxmlformats.org/officeDocument/2006/relationships/hyperlink" Target="file:///C:\Users\a\Desktop\xxgcxjp_2015nxjpzsjgyjygzxlzyjh\201507\t20150724_195339.html" TargetMode="External"/><Relationship Id="rId108" Type="http://schemas.openxmlformats.org/officeDocument/2006/relationships/hyperlink" Target="file:///C:\Users\a\Desktop\xxgcxjp_2015nxjpzsjgyjygzxlzyjh\201504\t20150402_186829.html" TargetMode="External"/><Relationship Id="rId116" Type="http://schemas.openxmlformats.org/officeDocument/2006/relationships/hyperlink" Target="file:///C:\Users\a\Desktop\s8419\201410\t20141024_177253.html" TargetMode="External"/><Relationship Id="rId124" Type="http://schemas.openxmlformats.org/officeDocument/2006/relationships/hyperlink" Target="http://www.moe.gov.cn/jyb_xwfb/moe_176/201401/t20140102_161652.html" TargetMode="External"/><Relationship Id="rId129" Type="http://schemas.openxmlformats.org/officeDocument/2006/relationships/hyperlink" Target="file:///C:\Users\a\Desktop\s8420\201902\t20190221_370629.html" TargetMode="External"/><Relationship Id="rId137" Type="http://schemas.openxmlformats.org/officeDocument/2006/relationships/hyperlink" Target="file:///C:\Users\a\Desktop\s8420\201410\t20141024_177241.html" TargetMode="External"/><Relationship Id="rId20" Type="http://schemas.openxmlformats.org/officeDocument/2006/relationships/hyperlink" Target="file:///C:\..\s6052\moe_838\202105\t20210531_534539.html" TargetMode="External"/><Relationship Id="rId41" Type="http://schemas.openxmlformats.org/officeDocument/2006/relationships/hyperlink" Target="file:///C:\..\s6052\moe_838\202006\t20200630_469262.html" TargetMode="External"/><Relationship Id="rId54" Type="http://schemas.openxmlformats.org/officeDocument/2006/relationships/hyperlink" Target="file:///C:\..\s6052\moe_838\201909\t20190906_397986.html" TargetMode="External"/><Relationship Id="rId62" Type="http://schemas.openxmlformats.org/officeDocument/2006/relationships/hyperlink" Target="file:///C:\..\s6052\moe_838\201904\t20190418_378685.html" TargetMode="External"/><Relationship Id="rId70" Type="http://schemas.openxmlformats.org/officeDocument/2006/relationships/hyperlink" Target="file:///C:\..\moe_176\201808\t20180830_346669.html" TargetMode="External"/><Relationship Id="rId75" Type="http://schemas.openxmlformats.org/officeDocument/2006/relationships/hyperlink" Target="file:///C:\..\moe_176\201805\t20180531_337969.html" TargetMode="External"/><Relationship Id="rId83" Type="http://schemas.openxmlformats.org/officeDocument/2006/relationships/hyperlink" Target="file:///C:\..\s6052\moe_838\201709\t20170914_314445.html" TargetMode="External"/><Relationship Id="rId88" Type="http://schemas.openxmlformats.org/officeDocument/2006/relationships/hyperlink" Target="file:///C:\..\s6052\moe_838\201612\t20161208_291306.html" TargetMode="External"/><Relationship Id="rId91" Type="http://schemas.openxmlformats.org/officeDocument/2006/relationships/hyperlink" Target="file:///C:\..\moe_176\201606\t20160601_247259.html" TargetMode="External"/><Relationship Id="rId96" Type="http://schemas.openxmlformats.org/officeDocument/2006/relationships/hyperlink" Target="file:///C:\..\moe_176\201604\t20160422_239836.html" TargetMode="External"/><Relationship Id="rId111" Type="http://schemas.openxmlformats.org/officeDocument/2006/relationships/hyperlink" Target="file:///C:\..\s6052\moe_838\201412\t20141222_182184.html" TargetMode="External"/><Relationship Id="rId132" Type="http://schemas.openxmlformats.org/officeDocument/2006/relationships/hyperlink" Target="file:///C:\Users\a\Desktop\s8420\201410\t20141024_177247.html" TargetMode="External"/><Relationship Id="rId140" Type="http://schemas.openxmlformats.org/officeDocument/2006/relationships/hyperlink" Target="file:///C:\Users\a\Desktop\s8420\201410\t20141024_177238.html" TargetMode="External"/><Relationship Id="rId145" Type="http://schemas.openxmlformats.org/officeDocument/2006/relationships/hyperlink" Target="file:///C:\Users\a\Desktop\s8420\201410\t20141024_177234.html" TargetMode="External"/><Relationship Id="rId1" Type="http://schemas.openxmlformats.org/officeDocument/2006/relationships/numbering" Target="numbering.xml"/><Relationship Id="rId6" Type="http://schemas.openxmlformats.org/officeDocument/2006/relationships/endnotes" Target="endnotes.xml"/><Relationship Id="rId15" Type="http://schemas.openxmlformats.org/officeDocument/2006/relationships/hyperlink" Target="file:///C:\..\s6052\moe_838\202109\t20210929_568037.html" TargetMode="External"/><Relationship Id="rId23" Type="http://schemas.openxmlformats.org/officeDocument/2006/relationships/hyperlink" Target="file:///C:\..\s6052\moe_838\202105\t20210510_530576.html" TargetMode="External"/><Relationship Id="rId28" Type="http://schemas.openxmlformats.org/officeDocument/2006/relationships/hyperlink" Target="file:///C:\..\s6052\moe_838\202103\t20210326_522675.html" TargetMode="External"/><Relationship Id="rId36" Type="http://schemas.openxmlformats.org/officeDocument/2006/relationships/hyperlink" Target="file:///C:\..\s6052\moe_838\202009\t20200909_486561.html" TargetMode="External"/><Relationship Id="rId49" Type="http://schemas.openxmlformats.org/officeDocument/2006/relationships/hyperlink" Target="file:///C:\..\s6052\moe_838\202002\t20200222_423185.html" TargetMode="External"/><Relationship Id="rId57" Type="http://schemas.openxmlformats.org/officeDocument/2006/relationships/hyperlink" Target="file:///C:\..\s6052\moe_838\201906\t20190619_386463.html" TargetMode="External"/><Relationship Id="rId106" Type="http://schemas.openxmlformats.org/officeDocument/2006/relationships/hyperlink" Target="file:///C:\..\s6052\moe_838\201505\t20150524_188496.html" TargetMode="External"/><Relationship Id="rId114" Type="http://schemas.openxmlformats.org/officeDocument/2006/relationships/hyperlink" Target="file:///C:\Users\a\Desktop\s8419\201410\t20141024_177260.html" TargetMode="External"/><Relationship Id="rId119" Type="http://schemas.openxmlformats.org/officeDocument/2006/relationships/hyperlink" Target="file:///C:\Users\a\Desktop\s8419\201410\t20141024_177218.html" TargetMode="External"/><Relationship Id="rId127" Type="http://schemas.openxmlformats.org/officeDocument/2006/relationships/hyperlink" Target="file:///C:\Users\a\Desktop\s8420\201410\t20141024_177254.html" TargetMode="External"/><Relationship Id="rId10" Type="http://schemas.openxmlformats.org/officeDocument/2006/relationships/hyperlink" Target="file:///C:\..\s6052\moe_838\202204\t20220422_620567.html" TargetMode="External"/><Relationship Id="rId31" Type="http://schemas.openxmlformats.org/officeDocument/2006/relationships/hyperlink" Target="file:///C:\..\s6052\moe_838\202011\t20201130_502493.html" TargetMode="External"/><Relationship Id="rId44" Type="http://schemas.openxmlformats.org/officeDocument/2006/relationships/hyperlink" Target="file:///C:\..\s6052\moe_838\202005\t20200518_455675.html" TargetMode="External"/><Relationship Id="rId52" Type="http://schemas.openxmlformats.org/officeDocument/2006/relationships/hyperlink" Target="file:///C:\..\s6052\moe_838\201911\t20191121_409118.html" TargetMode="External"/><Relationship Id="rId60" Type="http://schemas.openxmlformats.org/officeDocument/2006/relationships/hyperlink" Target="file:///C:\..\s6052\moe_838\201905\t20190505_380546.html" TargetMode="External"/><Relationship Id="rId65" Type="http://schemas.openxmlformats.org/officeDocument/2006/relationships/hyperlink" Target="file:///C:\Users\a\Desktop\xxgcxjp_2019\201902\t20190215_369607.html" TargetMode="External"/><Relationship Id="rId73" Type="http://schemas.openxmlformats.org/officeDocument/2006/relationships/hyperlink" Target="file:///C:\..\s6052\moe_838\201805\t20180514_335812.html" TargetMode="External"/><Relationship Id="rId78" Type="http://schemas.openxmlformats.org/officeDocument/2006/relationships/hyperlink" Target="file:///C:\..\moe_176\201712\t20171231_323453.html" TargetMode="External"/><Relationship Id="rId81" Type="http://schemas.openxmlformats.org/officeDocument/2006/relationships/hyperlink" Target="file:///C:\..\s6052\moe_838\201710\t20171009_315866.html" TargetMode="External"/><Relationship Id="rId86" Type="http://schemas.openxmlformats.org/officeDocument/2006/relationships/hyperlink" Target="file:///C:\..\s6052\moe_838\201705\t20170504_303760.html" TargetMode="External"/><Relationship Id="rId94" Type="http://schemas.openxmlformats.org/officeDocument/2006/relationships/hyperlink" Target="file:///C:\..\moe_176\201605\t20160503_241694.html" TargetMode="External"/><Relationship Id="rId99" Type="http://schemas.openxmlformats.org/officeDocument/2006/relationships/hyperlink" Target="file:///C:\..\s6052\moe_838\201509\t20150925_210517.html" TargetMode="External"/><Relationship Id="rId101" Type="http://schemas.openxmlformats.org/officeDocument/2006/relationships/hyperlink" Target="file:///C:\..\s6052\moe_838\201509\t20150909_206917.html" TargetMode="External"/><Relationship Id="rId122" Type="http://schemas.openxmlformats.org/officeDocument/2006/relationships/hyperlink" Target="file:///C:\Users\a\Desktop\s8419\201410\t20141024_177214.html" TargetMode="External"/><Relationship Id="rId130" Type="http://schemas.openxmlformats.org/officeDocument/2006/relationships/hyperlink" Target="file:///C:\Users\a\Desktop\s8420\201410\t20141024_177251.html" TargetMode="External"/><Relationship Id="rId135" Type="http://schemas.openxmlformats.org/officeDocument/2006/relationships/hyperlink" Target="file:///C:\Users\a\Desktop\s8420\201410\t20141024_177245.html" TargetMode="External"/><Relationship Id="rId143" Type="http://schemas.openxmlformats.org/officeDocument/2006/relationships/hyperlink" Target="file:///C:\Users\a\Desktop\s8420\201410\t20141024_177232.html" TargetMode="External"/><Relationship Id="rId148" Type="http://schemas.openxmlformats.org/officeDocument/2006/relationships/hyperlink" Target="file:///C:\Users\a\Desktop\s8420\201410\t20141024_177237.html" TargetMode="External"/><Relationship Id="rId151"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hyperlink" Target="http://www.moe.gov.cn/jyb_xwfb/s6052/moe_838/202204/t20220425_621698.html" TargetMode="External"/><Relationship Id="rId13" Type="http://schemas.openxmlformats.org/officeDocument/2006/relationships/hyperlink" Target="file:///C:\..\s6052\moe_838\202112\t20211217_588158.html" TargetMode="External"/><Relationship Id="rId18" Type="http://schemas.openxmlformats.org/officeDocument/2006/relationships/hyperlink" Target="file:///C:\..\s6052\moe_838\202106\t20210622_539568.html" TargetMode="External"/><Relationship Id="rId39" Type="http://schemas.openxmlformats.org/officeDocument/2006/relationships/hyperlink" Target="file:///C:\..\s6052\moe_838\202007\t20200723_474528.html" TargetMode="External"/><Relationship Id="rId109" Type="http://schemas.openxmlformats.org/officeDocument/2006/relationships/hyperlink" Target="file:///C:\Users\a\Desktop\xxgcxjp_2015nxjpzsjgyjygzxlzyjh\201502\t20150217_185904.html" TargetMode="External"/><Relationship Id="rId34" Type="http://schemas.openxmlformats.org/officeDocument/2006/relationships/hyperlink" Target="file:///C:\..\s6052\moe_838\202009\t20200923_489985.html" TargetMode="External"/><Relationship Id="rId50" Type="http://schemas.openxmlformats.org/officeDocument/2006/relationships/hyperlink" Target="file:///C:\..\s6052\moe_838\202001\t20200107_414623.html" TargetMode="External"/><Relationship Id="rId55" Type="http://schemas.openxmlformats.org/officeDocument/2006/relationships/hyperlink" Target="file:///C:\..\s6052\moe_838\202104\t20210426_528590.html" TargetMode="External"/><Relationship Id="rId76" Type="http://schemas.openxmlformats.org/officeDocument/2006/relationships/hyperlink" Target="file:///C:\..\moe_176\201805\t20180503_334882.html" TargetMode="External"/><Relationship Id="rId97" Type="http://schemas.openxmlformats.org/officeDocument/2006/relationships/hyperlink" Target="file:///C:\..\s6052\moe_838\201602\t20160204_229397.html" TargetMode="External"/><Relationship Id="rId104" Type="http://schemas.openxmlformats.org/officeDocument/2006/relationships/hyperlink" Target="file:///C:\..\s6052\moe_838\201506\t20150625_191095.html" TargetMode="External"/><Relationship Id="rId120" Type="http://schemas.openxmlformats.org/officeDocument/2006/relationships/hyperlink" Target="file:///C:\Users\a\Desktop\s8419\201410\t20141024_177217.html" TargetMode="External"/><Relationship Id="rId125" Type="http://schemas.openxmlformats.org/officeDocument/2006/relationships/hyperlink" Target="file:///C:\Users\a\Desktop\s8420\201410\t20141024_177258.html" TargetMode="External"/><Relationship Id="rId141" Type="http://schemas.openxmlformats.org/officeDocument/2006/relationships/hyperlink" Target="file:///C:\Users\a\Desktop\s8420\201410\t20141024_177230.html" TargetMode="External"/><Relationship Id="rId146" Type="http://schemas.openxmlformats.org/officeDocument/2006/relationships/hyperlink" Target="file:///C:\Users\a\Desktop\s8420\201410\t20141024_177235.html" TargetMode="External"/><Relationship Id="rId7" Type="http://schemas.openxmlformats.org/officeDocument/2006/relationships/hyperlink" Target="file:///C:\..\s6052\moe_838\202206\t20220610_636211.html" TargetMode="External"/><Relationship Id="rId71" Type="http://schemas.openxmlformats.org/officeDocument/2006/relationships/hyperlink" Target="file:///C:\..\s6052\moe_838\201808\t20180829_346488.html" TargetMode="External"/><Relationship Id="rId92" Type="http://schemas.openxmlformats.org/officeDocument/2006/relationships/hyperlink" Target="file:///C:\..\s6052\moe_838\201605\t20160531_247127.html" TargetMode="External"/><Relationship Id="rId2" Type="http://schemas.openxmlformats.org/officeDocument/2006/relationships/styles" Target="styles.xml"/><Relationship Id="rId29" Type="http://schemas.openxmlformats.org/officeDocument/2006/relationships/hyperlink" Target="file:///C:\..\s6052\moe_838\202103\t20210306_518106.html" TargetMode="External"/><Relationship Id="rId24" Type="http://schemas.openxmlformats.org/officeDocument/2006/relationships/hyperlink" Target="file:///C:\..\s6052\moe_838\202104\t20210427_528849.html" TargetMode="External"/><Relationship Id="rId40" Type="http://schemas.openxmlformats.org/officeDocument/2006/relationships/hyperlink" Target="file:///C:\..\s6052\moe_838\202007\t20200708_470828.html" TargetMode="External"/><Relationship Id="rId45" Type="http://schemas.openxmlformats.org/officeDocument/2006/relationships/hyperlink" Target="file:///C:\..\s6052\moe_838\202004\t20200423_445863.html" TargetMode="External"/><Relationship Id="rId66" Type="http://schemas.openxmlformats.org/officeDocument/2006/relationships/hyperlink" Target="file:///C:\Users\a\Desktop\xxgcxjp_2019\201902\t20190215_369609.html" TargetMode="External"/><Relationship Id="rId87" Type="http://schemas.openxmlformats.org/officeDocument/2006/relationships/hyperlink" Target="file:///C:\..\moe_176\201612\t20161229_293340.html" TargetMode="External"/><Relationship Id="rId110" Type="http://schemas.openxmlformats.org/officeDocument/2006/relationships/hyperlink" Target="file:///C:\..\s6052\moe_838\201412\t20141229_182511.html" TargetMode="External"/><Relationship Id="rId115" Type="http://schemas.openxmlformats.org/officeDocument/2006/relationships/hyperlink" Target="file:///C:\..\s6052\moe_838\201405\t20140526_169415.html" TargetMode="External"/><Relationship Id="rId131" Type="http://schemas.openxmlformats.org/officeDocument/2006/relationships/hyperlink" Target="file:///C:\Users\a\Desktop\s8420\201410\t20141024_177248.html" TargetMode="External"/><Relationship Id="rId136" Type="http://schemas.openxmlformats.org/officeDocument/2006/relationships/hyperlink" Target="file:///C:\Users\a\Desktop\s8420\201410\t20141024_177242.html" TargetMode="External"/><Relationship Id="rId61" Type="http://schemas.openxmlformats.org/officeDocument/2006/relationships/hyperlink" Target="file:///C:\..\moe_176\201904\t20190430_380235.html" TargetMode="External"/><Relationship Id="rId82" Type="http://schemas.openxmlformats.org/officeDocument/2006/relationships/hyperlink" Target="file:///C:\..\s6052\moe_838\201709\t20170926_315306.html" TargetMode="External"/><Relationship Id="rId152" Type="http://schemas.openxmlformats.org/officeDocument/2006/relationships/theme" Target="theme/theme1.xml"/><Relationship Id="rId19" Type="http://schemas.openxmlformats.org/officeDocument/2006/relationships/hyperlink" Target="file:///C:\..\s6052\moe_838\202106\t20210602_534949.html" TargetMode="External"/><Relationship Id="rId14" Type="http://schemas.openxmlformats.org/officeDocument/2006/relationships/hyperlink" Target="file:///C:\..\s6052\moe_838\202111\t20211125_582194.html" TargetMode="External"/><Relationship Id="rId30" Type="http://schemas.openxmlformats.org/officeDocument/2006/relationships/hyperlink" Target="file:///C:\..\s6052\moe_838\202103\t20210306_517959.html" TargetMode="External"/><Relationship Id="rId35" Type="http://schemas.openxmlformats.org/officeDocument/2006/relationships/hyperlink" Target="file:///C:\..\s6052\moe_838\202009\t20200921_489381.html" TargetMode="External"/><Relationship Id="rId56" Type="http://schemas.openxmlformats.org/officeDocument/2006/relationships/hyperlink" Target="file:///C:\..\s6052\moe_838\201908\t20190821_395318.html" TargetMode="External"/><Relationship Id="rId77" Type="http://schemas.openxmlformats.org/officeDocument/2006/relationships/hyperlink" Target="file:///C:\..\moe_176\201805\t20180502_334726.html" TargetMode="External"/><Relationship Id="rId100" Type="http://schemas.openxmlformats.org/officeDocument/2006/relationships/hyperlink" Target="file:///C:\..\moe_176\201509\t20150909_206921.html" TargetMode="External"/><Relationship Id="rId105" Type="http://schemas.openxmlformats.org/officeDocument/2006/relationships/hyperlink" Target="file:///C:\..\moe_176\201606\t20160601_247370.html" TargetMode="External"/><Relationship Id="rId126" Type="http://schemas.openxmlformats.org/officeDocument/2006/relationships/hyperlink" Target="file:///C:\Users\a\Desktop\s8420\201410\t20141024_177256.html" TargetMode="External"/><Relationship Id="rId147" Type="http://schemas.openxmlformats.org/officeDocument/2006/relationships/hyperlink" Target="file:///C:\Users\a\Desktop\s8420\201410\t20141024_177236.html" TargetMode="External"/><Relationship Id="rId8" Type="http://schemas.openxmlformats.org/officeDocument/2006/relationships/hyperlink" Target="file:///C:\..\s6052\moe_838\202205\t20220519_628699.html" TargetMode="External"/><Relationship Id="rId51" Type="http://schemas.openxmlformats.org/officeDocument/2006/relationships/hyperlink" Target="file:///C:\..\s6052\moe_838\201912\t20191220_412756.html" TargetMode="External"/><Relationship Id="rId72" Type="http://schemas.openxmlformats.org/officeDocument/2006/relationships/hyperlink" Target="file:///C:\..\s6052\moe_838\201808\t20180828_346376.html" TargetMode="External"/><Relationship Id="rId93" Type="http://schemas.openxmlformats.org/officeDocument/2006/relationships/hyperlink" Target="file:///C:\..\moe_176\201605\t20160519_245223.html" TargetMode="External"/><Relationship Id="rId98" Type="http://schemas.openxmlformats.org/officeDocument/2006/relationships/hyperlink" Target="file:///C:\..\s6052\moe_838\201512\t20151231_226536.html" TargetMode="External"/><Relationship Id="rId121" Type="http://schemas.openxmlformats.org/officeDocument/2006/relationships/hyperlink" Target="file:///C:\Users\a\Desktop\s8419\201410\t20141024_177216.html" TargetMode="External"/><Relationship Id="rId142" Type="http://schemas.openxmlformats.org/officeDocument/2006/relationships/hyperlink" Target="file:///C:\Users\a\Desktop\s8420\201410\t20141024_177231.html" TargetMode="External"/><Relationship Id="rId3" Type="http://schemas.openxmlformats.org/officeDocument/2006/relationships/settings" Target="settings.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2</TotalTime>
  <Pages>70</Pages>
  <Words>7255</Words>
  <Characters>41360</Characters>
  <Application>Microsoft Office Word</Application>
  <DocSecurity>0</DocSecurity>
  <Lines>344</Lines>
  <Paragraphs>97</Paragraphs>
  <ScaleCrop>false</ScaleCrop>
  <Company/>
  <LinksUpToDate>false</LinksUpToDate>
  <CharactersWithSpaces>4851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c:creator>
  <cp:lastModifiedBy>a</cp:lastModifiedBy>
  <cp:revision>2</cp:revision>
  <dcterms:created xsi:type="dcterms:W3CDTF">2022-06-17T05:07:00Z</dcterms:created>
  <dcterms:modified xsi:type="dcterms:W3CDTF">2022-06-17T05:07:00Z</dcterms:modified>
</cp:coreProperties>
</file>